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externalLinks/externalLink73.xml" ContentType="application/vnd.openxmlformats-officedocument.spreadsheetml.externalLink+xml"/>
  <Override PartName="/xl/externalLinks/externalLink74.xml" ContentType="application/vnd.openxmlformats-officedocument.spreadsheetml.externalLink+xml"/>
  <Override PartName="/xl/externalLinks/externalLink75.xml" ContentType="application/vnd.openxmlformats-officedocument.spreadsheetml.externalLink+xml"/>
  <Override PartName="/xl/externalLinks/externalLink76.xml" ContentType="application/vnd.openxmlformats-officedocument.spreadsheetml.externalLink+xml"/>
  <Override PartName="/xl/externalLinks/externalLink77.xml" ContentType="application/vnd.openxmlformats-officedocument.spreadsheetml.externalLink+xml"/>
  <Override PartName="/xl/externalLinks/externalLink78.xml" ContentType="application/vnd.openxmlformats-officedocument.spreadsheetml.externalLink+xml"/>
  <Override PartName="/xl/externalLinks/externalLink79.xml" ContentType="application/vnd.openxmlformats-officedocument.spreadsheetml.externalLink+xml"/>
  <Override PartName="/xl/externalLinks/externalLink80.xml" ContentType="application/vnd.openxmlformats-officedocument.spreadsheetml.externalLink+xml"/>
  <Override PartName="/xl/externalLinks/externalLink81.xml" ContentType="application/vnd.openxmlformats-officedocument.spreadsheetml.externalLink+xml"/>
  <Override PartName="/xl/externalLinks/externalLink82.xml" ContentType="application/vnd.openxmlformats-officedocument.spreadsheetml.externalLink+xml"/>
  <Override PartName="/xl/externalLinks/externalLink83.xml" ContentType="application/vnd.openxmlformats-officedocument.spreadsheetml.externalLink+xml"/>
  <Override PartName="/xl/externalLinks/externalLink84.xml" ContentType="application/vnd.openxmlformats-officedocument.spreadsheetml.externalLink+xml"/>
  <Override PartName="/xl/externalLinks/externalLink85.xml" ContentType="application/vnd.openxmlformats-officedocument.spreadsheetml.externalLink+xml"/>
  <Override PartName="/xl/externalLinks/externalLink86.xml" ContentType="application/vnd.openxmlformats-officedocument.spreadsheetml.externalLink+xml"/>
  <Override PartName="/xl/externalLinks/externalLink87.xml" ContentType="application/vnd.openxmlformats-officedocument.spreadsheetml.externalLink+xml"/>
  <Override PartName="/xl/externalLinks/externalLink88.xml" ContentType="application/vnd.openxmlformats-officedocument.spreadsheetml.externalLink+xml"/>
  <Override PartName="/xl/externalLinks/externalLink89.xml" ContentType="application/vnd.openxmlformats-officedocument.spreadsheetml.externalLink+xml"/>
  <Override PartName="/xl/externalLinks/externalLink90.xml" ContentType="application/vnd.openxmlformats-officedocument.spreadsheetml.externalLink+xml"/>
  <Override PartName="/xl/externalLinks/externalLink91.xml" ContentType="application/vnd.openxmlformats-officedocument.spreadsheetml.externalLink+xml"/>
  <Override PartName="/xl/externalLinks/externalLink92.xml" ContentType="application/vnd.openxmlformats-officedocument.spreadsheetml.externalLink+xml"/>
  <Override PartName="/xl/externalLinks/externalLink93.xml" ContentType="application/vnd.openxmlformats-officedocument.spreadsheetml.externalLink+xml"/>
  <Override PartName="/xl/externalLinks/externalLink94.xml" ContentType="application/vnd.openxmlformats-officedocument.spreadsheetml.externalLink+xml"/>
  <Override PartName="/xl/externalLinks/externalLink95.xml" ContentType="application/vnd.openxmlformats-officedocument.spreadsheetml.externalLink+xml"/>
  <Override PartName="/xl/externalLinks/externalLink96.xml" ContentType="application/vnd.openxmlformats-officedocument.spreadsheetml.externalLink+xml"/>
  <Override PartName="/xl/externalLinks/externalLink97.xml" ContentType="application/vnd.openxmlformats-officedocument.spreadsheetml.externalLink+xml"/>
  <Override PartName="/xl/externalLinks/externalLink98.xml" ContentType="application/vnd.openxmlformats-officedocument.spreadsheetml.externalLink+xml"/>
  <Override PartName="/xl/externalLinks/externalLink99.xml" ContentType="application/vnd.openxmlformats-officedocument.spreadsheetml.externalLink+xml"/>
  <Override PartName="/xl/externalLinks/externalLink100.xml" ContentType="application/vnd.openxmlformats-officedocument.spreadsheetml.externalLink+xml"/>
  <Override PartName="/xl/externalLinks/externalLink101.xml" ContentType="application/vnd.openxmlformats-officedocument.spreadsheetml.externalLink+xml"/>
  <Override PartName="/xl/externalLinks/externalLink102.xml" ContentType="application/vnd.openxmlformats-officedocument.spreadsheetml.externalLink+xml"/>
  <Override PartName="/xl/externalLinks/externalLink103.xml" ContentType="application/vnd.openxmlformats-officedocument.spreadsheetml.externalLink+xml"/>
  <Override PartName="/xl/externalLinks/externalLink104.xml" ContentType="application/vnd.openxmlformats-officedocument.spreadsheetml.externalLink+xml"/>
  <Override PartName="/xl/externalLinks/externalLink105.xml" ContentType="application/vnd.openxmlformats-officedocument.spreadsheetml.externalLink+xml"/>
  <Override PartName="/xl/externalLinks/externalLink10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fileVersion appName="xl" lastEdited="5" lowestEdited="5" rupBuild="9303"/>
  <workbookPr defaultThemeVersion="124226"/>
  <bookViews>
    <workbookView xWindow="-255" yWindow="-15" windowWidth="10755" windowHeight="7530" tabRatio="745" activeTab="1"/>
  </bookViews>
  <sheets>
    <sheet name="施工条件明示一覧表" sheetId="49" r:id="rId1"/>
    <sheet name="設計書表紙" sheetId="12" r:id="rId2"/>
    <sheet name="工事費内訳書" sheetId="3" r:id="rId3"/>
    <sheet name="内訳書" sheetId="37" r:id="rId4"/>
    <sheet name="明細書" sheetId="38" r:id="rId5"/>
  </sheets>
  <externalReferences>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 r:id="rId75"/>
    <externalReference r:id="rId76"/>
    <externalReference r:id="rId77"/>
    <externalReference r:id="rId78"/>
    <externalReference r:id="rId79"/>
    <externalReference r:id="rId80"/>
    <externalReference r:id="rId81"/>
    <externalReference r:id="rId82"/>
    <externalReference r:id="rId83"/>
    <externalReference r:id="rId84"/>
    <externalReference r:id="rId85"/>
    <externalReference r:id="rId86"/>
    <externalReference r:id="rId87"/>
    <externalReference r:id="rId88"/>
    <externalReference r:id="rId89"/>
    <externalReference r:id="rId90"/>
    <externalReference r:id="rId91"/>
    <externalReference r:id="rId92"/>
    <externalReference r:id="rId93"/>
    <externalReference r:id="rId94"/>
    <externalReference r:id="rId95"/>
    <externalReference r:id="rId96"/>
    <externalReference r:id="rId97"/>
    <externalReference r:id="rId98"/>
    <externalReference r:id="rId99"/>
    <externalReference r:id="rId100"/>
    <externalReference r:id="rId101"/>
    <externalReference r:id="rId102"/>
    <externalReference r:id="rId103"/>
    <externalReference r:id="rId104"/>
    <externalReference r:id="rId105"/>
    <externalReference r:id="rId106"/>
    <externalReference r:id="rId107"/>
    <externalReference r:id="rId108"/>
    <externalReference r:id="rId109"/>
    <externalReference r:id="rId110"/>
    <externalReference r:id="rId111"/>
  </externalReferences>
  <definedNames>
    <definedName name="_" localSheetId="0">#REF!</definedName>
    <definedName name="_">#REF!</definedName>
    <definedName name="_____________d2">[1]!ピクチャ5_Click</definedName>
    <definedName name="____________d2">[2]!ピクチャ5_Click</definedName>
    <definedName name="___________d2">[2]!ピクチャ5_Click</definedName>
    <definedName name="__________d2">[2]!ピクチャ5_Click</definedName>
    <definedName name="_________d2">[2]!ピクチャ5_Click</definedName>
    <definedName name="________d2">[2]!ピクチャ5_Click</definedName>
    <definedName name="_______d2">[2]!ピクチャ5_Click</definedName>
    <definedName name="_______RE2" localSheetId="0">#REF!</definedName>
    <definedName name="_______RE2">#REF!</definedName>
    <definedName name="_______SUB2" localSheetId="0">#REF!</definedName>
    <definedName name="_______SUB2">#REF!</definedName>
    <definedName name="_______SUB3" localSheetId="0">#REF!</definedName>
    <definedName name="_______SUB3">#REF!</definedName>
    <definedName name="_______SUB4">#REF!</definedName>
    <definedName name="______d2">[2]!ピクチャ5_Click</definedName>
    <definedName name="______RE2" localSheetId="0">#REF!</definedName>
    <definedName name="______RE2">#REF!</definedName>
    <definedName name="______SUB2" localSheetId="0">#REF!</definedName>
    <definedName name="______SUB2">#REF!</definedName>
    <definedName name="______SUB3" localSheetId="0">#REF!</definedName>
    <definedName name="______SUB3">#REF!</definedName>
    <definedName name="______SUB4">#REF!</definedName>
    <definedName name="_____d2">[2]!ピクチャ5_Click</definedName>
    <definedName name="_____RE2" localSheetId="0">#REF!</definedName>
    <definedName name="_____RE2">#REF!</definedName>
    <definedName name="_____SUB2" localSheetId="0">#REF!</definedName>
    <definedName name="_____SUB2">#REF!</definedName>
    <definedName name="_____SUB3" localSheetId="0">#REF!</definedName>
    <definedName name="_____SUB3">#REF!</definedName>
    <definedName name="_____SUB4">#REF!</definedName>
    <definedName name="____BOX01">#REF!</definedName>
    <definedName name="____BOX02">#REF!</definedName>
    <definedName name="____BOX03">#REF!</definedName>
    <definedName name="____BUN2">[3]歩・屋!$E$5:$T$16</definedName>
    <definedName name="____d2">[2]!ピクチャ5_Click</definedName>
    <definedName name="____RE2" localSheetId="0">#REF!</definedName>
    <definedName name="____RE2">#REF!</definedName>
    <definedName name="____SON1" localSheetId="0">#REF!</definedName>
    <definedName name="____SON1">#REF!</definedName>
    <definedName name="____son2" localSheetId="0">#REF!</definedName>
    <definedName name="____son2">#REF!</definedName>
    <definedName name="____SON3">#REF!</definedName>
    <definedName name="____SUB2">#REF!</definedName>
    <definedName name="____SUB3">#REF!</definedName>
    <definedName name="____SUB4">#REF!</definedName>
    <definedName name="____tan1">#REF!</definedName>
    <definedName name="____tan2">#REF!</definedName>
    <definedName name="____tan3">#REF!</definedName>
    <definedName name="___A1">'[4]#REF'!#REF!</definedName>
    <definedName name="___ｂ９" localSheetId="0">#REF!</definedName>
    <definedName name="___ｂ９">#REF!</definedName>
    <definedName name="___BOX01" localSheetId="0">#REF!</definedName>
    <definedName name="___BOX01">#REF!</definedName>
    <definedName name="___BOX02" localSheetId="0">#REF!</definedName>
    <definedName name="___BOX02">#REF!</definedName>
    <definedName name="___BOX03">#REF!</definedName>
    <definedName name="___BUN2">[3]歩・屋!$E$5:$T$16</definedName>
    <definedName name="___d2">[2]!ピクチャ5_Click</definedName>
    <definedName name="___N10" localSheetId="0">#REF!</definedName>
    <definedName name="___N10">#REF!</definedName>
    <definedName name="___N11" localSheetId="0">#REF!</definedName>
    <definedName name="___N11">#REF!</definedName>
    <definedName name="___N12" localSheetId="0">#REF!</definedName>
    <definedName name="___N12">#REF!</definedName>
    <definedName name="___N13">#REF!</definedName>
    <definedName name="___N14">#REF!</definedName>
    <definedName name="___N15">#REF!</definedName>
    <definedName name="___N16">#REF!</definedName>
    <definedName name="___N17">#REF!</definedName>
    <definedName name="___N18">#REF!</definedName>
    <definedName name="___N19">#REF!</definedName>
    <definedName name="___N20">#REF!</definedName>
    <definedName name="___N21">#REF!</definedName>
    <definedName name="___N22">#REF!</definedName>
    <definedName name="___N23">#REF!</definedName>
    <definedName name="___N24">#REF!</definedName>
    <definedName name="___N25">#REF!</definedName>
    <definedName name="___N26">#REF!</definedName>
    <definedName name="___N27">#REF!</definedName>
    <definedName name="___N28">#REF!</definedName>
    <definedName name="___N29">#REF!</definedName>
    <definedName name="___N30">#REF!</definedName>
    <definedName name="___N31">#REF!</definedName>
    <definedName name="___N32">#REF!</definedName>
    <definedName name="___N33">#REF!</definedName>
    <definedName name="___N34">#REF!</definedName>
    <definedName name="___N5">#REF!</definedName>
    <definedName name="___N6">#REF!</definedName>
    <definedName name="___N7">#REF!</definedName>
    <definedName name="___N8">#REF!</definedName>
    <definedName name="___N9">#REF!</definedName>
    <definedName name="___RE2">#REF!</definedName>
    <definedName name="___SON1">#REF!</definedName>
    <definedName name="___son2">#REF!</definedName>
    <definedName name="___SON3">#REF!</definedName>
    <definedName name="___SUB2">#REF!</definedName>
    <definedName name="___SUB3">#REF!</definedName>
    <definedName name="___SUB4">#REF!</definedName>
    <definedName name="___tan1">#REF!</definedName>
    <definedName name="___tan2">#REF!</definedName>
    <definedName name="___tan3">#REF!</definedName>
    <definedName name="___V1">#REF!</definedName>
    <definedName name="___V10">#REF!</definedName>
    <definedName name="___V11">#REF!</definedName>
    <definedName name="___V12">#REF!</definedName>
    <definedName name="___V13">#REF!</definedName>
    <definedName name="___V14">#REF!</definedName>
    <definedName name="___V15">#REF!</definedName>
    <definedName name="___V16">#REF!</definedName>
    <definedName name="___V17">#REF!</definedName>
    <definedName name="___V18">#REF!</definedName>
    <definedName name="___V19">#REF!</definedName>
    <definedName name="___V2">#REF!</definedName>
    <definedName name="___V20">#REF!</definedName>
    <definedName name="___V21">#REF!</definedName>
    <definedName name="___V22">#REF!</definedName>
    <definedName name="___V23">#REF!</definedName>
    <definedName name="___V24">#REF!</definedName>
    <definedName name="___V25">#REF!</definedName>
    <definedName name="___V26">#REF!</definedName>
    <definedName name="___V27">#REF!</definedName>
    <definedName name="___V28">#REF!</definedName>
    <definedName name="___V29">#REF!</definedName>
    <definedName name="___V30">#REF!</definedName>
    <definedName name="___V31">#REF!</definedName>
    <definedName name="___V32">#REF!</definedName>
    <definedName name="___V33">#REF!</definedName>
    <definedName name="___V34">#REF!</definedName>
    <definedName name="___V35">#REF!</definedName>
    <definedName name="___V36">#REF!</definedName>
    <definedName name="___V37">#REF!</definedName>
    <definedName name="___V38">#REF!</definedName>
    <definedName name="___V5">#REF!</definedName>
    <definedName name="___V6">#REF!</definedName>
    <definedName name="___V7">#REF!</definedName>
    <definedName name="___V8">#REF!</definedName>
    <definedName name="___V9">#REF!</definedName>
    <definedName name="__1">#REF!</definedName>
    <definedName name="__10">#REF!</definedName>
    <definedName name="__11">#REF!</definedName>
    <definedName name="__12">#REF!</definedName>
    <definedName name="__123Graph_A" localSheetId="0" hidden="1">#REF!</definedName>
    <definedName name="__123Graph_A" hidden="1">[5]工程算出!#REF!</definedName>
    <definedName name="__123Graph_A外装" hidden="1">[6]仮設躯体!#REF!</definedName>
    <definedName name="__123Graph_A躯体" hidden="1">[6]仮設躯体!#REF!</definedName>
    <definedName name="__123Graph_A建築" hidden="1">[6]仮設躯体!#REF!</definedName>
    <definedName name="__123Graph_A室内" hidden="1">[6]仮設躯体!#REF!</definedName>
    <definedName name="__123Graph_A土工" hidden="1">[6]仮設躯体!#REF!</definedName>
    <definedName name="__123Graph_A内装" hidden="1">[6]仮設躯体!#REF!</definedName>
    <definedName name="__123Graph_B" localSheetId="0" hidden="1">#REF!</definedName>
    <definedName name="__123Graph_B" hidden="1">#REF!</definedName>
    <definedName name="__123Graph_LBL_A" localSheetId="0" hidden="1">[5]工程算出!#REF!</definedName>
    <definedName name="__123Graph_LBL_A" hidden="1">[5]工程算出!#REF!</definedName>
    <definedName name="__123Graph_X" localSheetId="0" hidden="1">[5]工程算出!#REF!</definedName>
    <definedName name="__123Graph_X" hidden="1">[5]工程算出!#REF!</definedName>
    <definedName name="__123Graph_X外装" hidden="1">[6]仮設躯体!#REF!</definedName>
    <definedName name="__123Graph_X躯体" hidden="1">[6]仮設躯体!#REF!</definedName>
    <definedName name="__123Graph_X建築" hidden="1">[6]仮設躯体!#REF!</definedName>
    <definedName name="__123Graph_X室内" hidden="1">[6]仮設躯体!#REF!</definedName>
    <definedName name="__123Graph_X土工" hidden="1">[6]仮設躯体!#REF!</definedName>
    <definedName name="__123Graph_X内装" hidden="1">[6]仮設躯体!#REF!</definedName>
    <definedName name="__2" localSheetId="0">#REF!</definedName>
    <definedName name="__2">#REF!</definedName>
    <definedName name="__3">#REF!</definedName>
    <definedName name="__4">#REF!</definedName>
    <definedName name="__5">#REF!</definedName>
    <definedName name="__6">#REF!</definedName>
    <definedName name="__7">#REF!</definedName>
    <definedName name="__8">#REF!</definedName>
    <definedName name="__9">#REF!</definedName>
    <definedName name="__A1">#REF!</definedName>
    <definedName name="__ｂ９">#REF!</definedName>
    <definedName name="__BOX01">#REF!</definedName>
    <definedName name="__BOX02">#REF!</definedName>
    <definedName name="__BOX03">#REF!</definedName>
    <definedName name="__BUN2">[3]歩・屋!$E$5:$T$16</definedName>
    <definedName name="__d2">[2]!ピクチャ5_Click</definedName>
    <definedName name="__N10" localSheetId="0">#REF!</definedName>
    <definedName name="__N10">#REF!</definedName>
    <definedName name="__N11" localSheetId="0">#REF!</definedName>
    <definedName name="__N11">#REF!</definedName>
    <definedName name="__N12" localSheetId="0">#REF!</definedName>
    <definedName name="__N12">#REF!</definedName>
    <definedName name="__N13">#REF!</definedName>
    <definedName name="__N14">#REF!</definedName>
    <definedName name="__N15">#REF!</definedName>
    <definedName name="__N16">#REF!</definedName>
    <definedName name="__N17">#REF!</definedName>
    <definedName name="__N18">#REF!</definedName>
    <definedName name="__N19">#REF!</definedName>
    <definedName name="__N20">#REF!</definedName>
    <definedName name="__N21">#REF!</definedName>
    <definedName name="__N22">#REF!</definedName>
    <definedName name="__N23">#REF!</definedName>
    <definedName name="__N24">#REF!</definedName>
    <definedName name="__N25">#REF!</definedName>
    <definedName name="__N26">#REF!</definedName>
    <definedName name="__N27">#REF!</definedName>
    <definedName name="__N28">#REF!</definedName>
    <definedName name="__N29">#REF!</definedName>
    <definedName name="__N30">#REF!</definedName>
    <definedName name="__N31">#REF!</definedName>
    <definedName name="__N32">#REF!</definedName>
    <definedName name="__N33">#REF!</definedName>
    <definedName name="__N34">#REF!</definedName>
    <definedName name="__N5">#REF!</definedName>
    <definedName name="__N6">#REF!</definedName>
    <definedName name="__N7">#REF!</definedName>
    <definedName name="__N8">#REF!</definedName>
    <definedName name="__N9">#REF!</definedName>
    <definedName name="__RE2">#REF!</definedName>
    <definedName name="__SON1">#REF!</definedName>
    <definedName name="__son2">#REF!</definedName>
    <definedName name="__SON3">#REF!</definedName>
    <definedName name="__SUB2">#REF!</definedName>
    <definedName name="__SUB3">#REF!</definedName>
    <definedName name="__SUB4">#REF!</definedName>
    <definedName name="__tan1">#REF!</definedName>
    <definedName name="__tan2">#REF!</definedName>
    <definedName name="__tan3">#REF!</definedName>
    <definedName name="__V1">#REF!</definedName>
    <definedName name="__V10">#REF!</definedName>
    <definedName name="__V11">#REF!</definedName>
    <definedName name="__V12">#REF!</definedName>
    <definedName name="__V13">#REF!</definedName>
    <definedName name="__V14">#REF!</definedName>
    <definedName name="__V15">#REF!</definedName>
    <definedName name="__V16">#REF!</definedName>
    <definedName name="__V17">#REF!</definedName>
    <definedName name="__V18">#REF!</definedName>
    <definedName name="__V19">#REF!</definedName>
    <definedName name="__V2">#REF!</definedName>
    <definedName name="__V20">#REF!</definedName>
    <definedName name="__V21">#REF!</definedName>
    <definedName name="__V22">#REF!</definedName>
    <definedName name="__V23">#REF!</definedName>
    <definedName name="__V24">#REF!</definedName>
    <definedName name="__V25">#REF!</definedName>
    <definedName name="__V26">#REF!</definedName>
    <definedName name="__V27">#REF!</definedName>
    <definedName name="__V28">#REF!</definedName>
    <definedName name="__V29">#REF!</definedName>
    <definedName name="__V30">#REF!</definedName>
    <definedName name="__V31">#REF!</definedName>
    <definedName name="__V32">#REF!</definedName>
    <definedName name="__V33">#REF!</definedName>
    <definedName name="__V34">#REF!</definedName>
    <definedName name="__V35">#REF!</definedName>
    <definedName name="__V36">#REF!</definedName>
    <definedName name="__V37">#REF!</definedName>
    <definedName name="__V38">#REF!</definedName>
    <definedName name="__V5">#REF!</definedName>
    <definedName name="__V6">#REF!</definedName>
    <definedName name="__V7">#REF!</definedName>
    <definedName name="__V8">#REF!</definedName>
    <definedName name="__V9">#REF!</definedName>
    <definedName name="_1">#REF!</definedName>
    <definedName name="_10">#REF!</definedName>
    <definedName name="_1000">#REF!</definedName>
    <definedName name="_1010">[7]見積01!#REF!</definedName>
    <definedName name="_1020">[7]見積01!#REF!</definedName>
    <definedName name="_10N1_">#REF!</definedName>
    <definedName name="_11" localSheetId="0">#REF!</definedName>
    <definedName name="_11">#REF!</definedName>
    <definedName name="_111">#REF!</definedName>
    <definedName name="_111a">#REF!</definedName>
    <definedName name="_116">#REF!</definedName>
    <definedName name="_116a">#REF!</definedName>
    <definedName name="_117">#REF!</definedName>
    <definedName name="_117a">#REF!</definedName>
    <definedName name="_118">#REF!</definedName>
    <definedName name="_118a">#REF!</definedName>
    <definedName name="_119">#REF!</definedName>
    <definedName name="_119a">#REF!</definedName>
    <definedName name="_11a">#REF!</definedName>
    <definedName name="_11N10_">#REF!</definedName>
    <definedName name="_12">#REF!</definedName>
    <definedName name="_120">#REF!</definedName>
    <definedName name="_120a">#REF!</definedName>
    <definedName name="_121">#REF!</definedName>
    <definedName name="_121a">#REF!</definedName>
    <definedName name="_122">#REF!</definedName>
    <definedName name="_122a">#REF!</definedName>
    <definedName name="_123">#REF!</definedName>
    <definedName name="_123Gaaa_A" hidden="1">[8]Sheet2!#REF!</definedName>
    <definedName name="_123Graph" hidden="1">[8]Sheet2!#REF!</definedName>
    <definedName name="_12N11_">#REF!</definedName>
    <definedName name="_13">[7]見積01!#REF!</definedName>
    <definedName name="_13N12_">#REF!</definedName>
    <definedName name="_14">[7]見積01!#REF!</definedName>
    <definedName name="_14N13_">#REF!</definedName>
    <definedName name="_15">[7]見積01!#REF!</definedName>
    <definedName name="_15N14_">#REF!</definedName>
    <definedName name="_16" localSheetId="0">#REF!</definedName>
    <definedName name="_16">#REF!</definedName>
    <definedName name="_16N15_">#REF!</definedName>
    <definedName name="_17" localSheetId="0">#REF!</definedName>
    <definedName name="_17">#REF!</definedName>
    <definedName name="_17N16_">#REF!</definedName>
    <definedName name="_18" localSheetId="0">#REF!</definedName>
    <definedName name="_18">#REF!</definedName>
    <definedName name="_18N17_">#REF!</definedName>
    <definedName name="_19">#REF!</definedName>
    <definedName name="_19N18_">#REF!</definedName>
    <definedName name="_1ｂ９_">#REF!</definedName>
    <definedName name="_1d2_">[2]!ピクチャ5_Click</definedName>
    <definedName name="_1Print_Area_02__4" localSheetId="0">#REF!</definedName>
    <definedName name="_1Print_Area_02__4">#REF!</definedName>
    <definedName name="_2" localSheetId="0">#REF!</definedName>
    <definedName name="_2">#REF!</definedName>
    <definedName name="_2.0×2___1.08×2___×_2.95">#REF!</definedName>
    <definedName name="_20">#REF!</definedName>
    <definedName name="_20N19_">#REF!</definedName>
    <definedName name="_21">#REF!</definedName>
    <definedName name="_216">#REF!</definedName>
    <definedName name="_217">#REF!</definedName>
    <definedName name="_218">#REF!</definedName>
    <definedName name="_219">#REF!</definedName>
    <definedName name="_22">#REF!</definedName>
    <definedName name="_220">#REF!</definedName>
    <definedName name="_221">#REF!</definedName>
    <definedName name="_222">#REF!</definedName>
    <definedName name="_223">#REF!</definedName>
    <definedName name="_22N2_">#REF!</definedName>
    <definedName name="_23">#REF!</definedName>
    <definedName name="_23N20_">#REF!</definedName>
    <definedName name="_24N21_">#REF!</definedName>
    <definedName name="_25N22_">#REF!</definedName>
    <definedName name="_26N23_">#REF!</definedName>
    <definedName name="_27N24_">#REF!</definedName>
    <definedName name="_28N25_">#REF!</definedName>
    <definedName name="_29N26_">#REF!</definedName>
    <definedName name="_2ページまで">#REF!</definedName>
    <definedName name="_2印刷範囲_2">#REF!</definedName>
    <definedName name="_2号明細書_M">#REF!</definedName>
    <definedName name="_3">#REF!</definedName>
    <definedName name="_30N27_">#REF!</definedName>
    <definedName name="_31N28_">#REF!</definedName>
    <definedName name="_32N29_">#REF!</definedName>
    <definedName name="_33">#REF!</definedName>
    <definedName name="_34N3_">#REF!</definedName>
    <definedName name="_35N30_">#REF!</definedName>
    <definedName name="_36N31_">#REF!</definedName>
    <definedName name="_37N32_">#REF!</definedName>
    <definedName name="_38N33_">#REF!</definedName>
    <definedName name="_39N34_">#REF!</definedName>
    <definedName name="_3d2_">[2]!ピクチャ5_Click</definedName>
    <definedName name="_3Print_Area_02" localSheetId="0">#REF!</definedName>
    <definedName name="_3Print_Area_02">#REF!</definedName>
    <definedName name="_3ページまで" localSheetId="0">#REF!</definedName>
    <definedName name="_3ページまで">#REF!</definedName>
    <definedName name="_3印刷範囲_5" localSheetId="0">#REF!</definedName>
    <definedName name="_3印刷範囲_5">#REF!</definedName>
    <definedName name="_3行挿入">#REF!</definedName>
    <definedName name="_4">#REF!</definedName>
    <definedName name="_4_">'[4]#REF'!#REF!</definedName>
    <definedName name="_41N4_">#REF!</definedName>
    <definedName name="_42N5_">#REF!</definedName>
    <definedName name="_43N6_">#REF!</definedName>
    <definedName name="_44">#REF!</definedName>
    <definedName name="_44N7_">#REF!</definedName>
    <definedName name="_45N8_">#REF!</definedName>
    <definedName name="_46N9_">#REF!</definedName>
    <definedName name="_48V1_">#REF!</definedName>
    <definedName name="_49V10_">#REF!</definedName>
    <definedName name="_4d2_">[9]!ピクチャ5_Click</definedName>
    <definedName name="_4Print_Area_03" localSheetId="0">#REF!</definedName>
    <definedName name="_4Print_Area_03">#REF!</definedName>
    <definedName name="_4ページまで" localSheetId="0">#REF!</definedName>
    <definedName name="_4ページまで">#REF!</definedName>
    <definedName name="_4印刷範囲_6" localSheetId="0">#REF!</definedName>
    <definedName name="_4印刷範囲_6">#REF!</definedName>
    <definedName name="_5">#REF!</definedName>
    <definedName name="_50">#REF!</definedName>
    <definedName name="_50V11_">#REF!</definedName>
    <definedName name="_51V12_">#REF!</definedName>
    <definedName name="_52V13_">#REF!</definedName>
    <definedName name="_53V14_">#REF!</definedName>
    <definedName name="_54V15_">#REF!</definedName>
    <definedName name="_55">#REF!</definedName>
    <definedName name="_55V16_">#REF!</definedName>
    <definedName name="_56V17_">#REF!</definedName>
    <definedName name="_57V18_">#REF!</definedName>
    <definedName name="_58V19_">#REF!</definedName>
    <definedName name="_5ページまで">#REF!</definedName>
    <definedName name="_5印刷範囲_7">#REF!</definedName>
    <definedName name="_6">#REF!</definedName>
    <definedName name="_60V2_">#REF!</definedName>
    <definedName name="_61V20_">#REF!</definedName>
    <definedName name="_62V21_">#REF!</definedName>
    <definedName name="_63V22_">#REF!</definedName>
    <definedName name="_64V23_">#REF!</definedName>
    <definedName name="_65V24_">#REF!</definedName>
    <definedName name="_66">#REF!</definedName>
    <definedName name="_66V25_">#REF!</definedName>
    <definedName name="_67V26_">#REF!</definedName>
    <definedName name="_68V27_">#REF!</definedName>
    <definedName name="_69V28_">#REF!</definedName>
    <definedName name="_6ページまで">#REF!</definedName>
    <definedName name="_7">#REF!</definedName>
    <definedName name="_70V29_">#REF!</definedName>
    <definedName name="_72V3_">#REF!</definedName>
    <definedName name="_73V30_">#REF!</definedName>
    <definedName name="_74V31_">#REF!</definedName>
    <definedName name="_75V32_">#REF!</definedName>
    <definedName name="_76V33_">#REF!</definedName>
    <definedName name="_77V34_">#REF!</definedName>
    <definedName name="_78V35_">#REF!</definedName>
    <definedName name="_79V36_">#REF!</definedName>
    <definedName name="_7ページまで">#REF!</definedName>
    <definedName name="_8">#REF!</definedName>
    <definedName name="_80V37_">#REF!</definedName>
    <definedName name="_81V38_">#REF!</definedName>
    <definedName name="_83V4_">#REF!</definedName>
    <definedName name="_84V5_">#REF!</definedName>
    <definedName name="_850">#REF!</definedName>
    <definedName name="_85V6_">#REF!</definedName>
    <definedName name="_86V7_">#REF!</definedName>
    <definedName name="_87V8_">#REF!</definedName>
    <definedName name="_88">#REF!</definedName>
    <definedName name="_88V9_">#REF!</definedName>
    <definedName name="_8A1_">'[4]#REF'!#REF!</definedName>
    <definedName name="_9" localSheetId="0">#REF!</definedName>
    <definedName name="_9">#REF!</definedName>
    <definedName name="_99" localSheetId="0">#REF!</definedName>
    <definedName name="_99">#REF!</definedName>
    <definedName name="_A1">#REF!</definedName>
    <definedName name="_A10">#REF!</definedName>
    <definedName name="_A11">#REF!</definedName>
    <definedName name="_A12">#REF!</definedName>
    <definedName name="_A13">#REF!</definedName>
    <definedName name="_A14">#REF!</definedName>
    <definedName name="_A15">#REF!</definedName>
    <definedName name="_A16">#REF!</definedName>
    <definedName name="_A17">#REF!</definedName>
    <definedName name="_A18">#REF!</definedName>
    <definedName name="_A19">#REF!</definedName>
    <definedName name="_A2">#REF!</definedName>
    <definedName name="_A20">#REF!</definedName>
    <definedName name="_A21">#REF!</definedName>
    <definedName name="_A22">#REF!</definedName>
    <definedName name="_A23">#REF!</definedName>
    <definedName name="_A24">#REF!</definedName>
    <definedName name="_A25">#REF!</definedName>
    <definedName name="_A26">#REF!</definedName>
    <definedName name="_A27">#REF!</definedName>
    <definedName name="_A28">#REF!</definedName>
    <definedName name="_A29">#REF!</definedName>
    <definedName name="_A3">#REF!</definedName>
    <definedName name="_A30">#REF!</definedName>
    <definedName name="_A31">#REF!</definedName>
    <definedName name="_A32">#REF!</definedName>
    <definedName name="_A33">#REF!</definedName>
    <definedName name="_A34">#REF!</definedName>
    <definedName name="_A35">#REF!</definedName>
    <definedName name="_A36">#REF!</definedName>
    <definedName name="_A37">#REF!</definedName>
    <definedName name="_A38">#REF!</definedName>
    <definedName name="_A39">#REF!</definedName>
    <definedName name="_A4">#REF!</definedName>
    <definedName name="_A40">#REF!</definedName>
    <definedName name="_A41">#REF!</definedName>
    <definedName name="_A42">#REF!</definedName>
    <definedName name="_A43">#REF!</definedName>
    <definedName name="_A44">#REF!</definedName>
    <definedName name="_A45">#REF!</definedName>
    <definedName name="_A46">#REF!</definedName>
    <definedName name="_A47">#REF!</definedName>
    <definedName name="_A48">#REF!</definedName>
    <definedName name="_A49">#REF!</definedName>
    <definedName name="_A5">#REF!</definedName>
    <definedName name="_A50">#REF!</definedName>
    <definedName name="_A51">#REF!</definedName>
    <definedName name="_A52">#REF!</definedName>
    <definedName name="_A53">#REF!</definedName>
    <definedName name="_A54">#REF!</definedName>
    <definedName name="_A55">#REF!</definedName>
    <definedName name="_A56">#REF!</definedName>
    <definedName name="_A57">#REF!</definedName>
    <definedName name="_A58">#REF!</definedName>
    <definedName name="_A59">#REF!</definedName>
    <definedName name="_A6">#REF!</definedName>
    <definedName name="_A60">#REF!</definedName>
    <definedName name="_A61">#REF!</definedName>
    <definedName name="_A62">#REF!</definedName>
    <definedName name="_A63">#REF!</definedName>
    <definedName name="_A64">#REF!</definedName>
    <definedName name="_A65">#REF!</definedName>
    <definedName name="_A66">#REF!</definedName>
    <definedName name="_A67">#REF!</definedName>
    <definedName name="_A68">#REF!</definedName>
    <definedName name="_A69">#REF!</definedName>
    <definedName name="_A7">#REF!</definedName>
    <definedName name="_A70">#REF!</definedName>
    <definedName name="_A71">#REF!</definedName>
    <definedName name="_A73">#REF!</definedName>
    <definedName name="_A74">#REF!</definedName>
    <definedName name="_A75">#REF!</definedName>
    <definedName name="_A76">#REF!</definedName>
    <definedName name="_A77">#REF!</definedName>
    <definedName name="_A78">#REF!</definedName>
    <definedName name="_A79">#REF!</definedName>
    <definedName name="_A8">#REF!</definedName>
    <definedName name="_A81">#REF!</definedName>
    <definedName name="_A82">#REF!</definedName>
    <definedName name="_A9">#REF!</definedName>
    <definedName name="_ｂ９">#REF!</definedName>
    <definedName name="_BOX01">#REF!</definedName>
    <definedName name="_BOX02">#REF!</definedName>
    <definedName name="_BOX03">#REF!</definedName>
    <definedName name="_BUN2">[3]歩・屋!$E$5:$T$16</definedName>
    <definedName name="_d2">[2]!ピクチャ5_Click</definedName>
    <definedName name="_d3">[10]!ピクチャ5_Click</definedName>
    <definedName name="_dd1">[11]!Dialog3_ボタン2_Click</definedName>
    <definedName name="_ddd2">[11]!ピクチャ5_Click</definedName>
    <definedName name="_Fill" localSheetId="0" hidden="1">#REF!</definedName>
    <definedName name="_Fill" hidden="1">#REF!</definedName>
    <definedName name="_I1">#REF!</definedName>
    <definedName name="_I2">#REF!</definedName>
    <definedName name="_I3">#REF!</definedName>
    <definedName name="_Key1" localSheetId="0" hidden="1">#REF!</definedName>
    <definedName name="_Key1" hidden="1">[3]内・屋外!#REF!</definedName>
    <definedName name="_Key2" localSheetId="0" hidden="1">#REF!</definedName>
    <definedName name="_Key2" hidden="1">[3]内・屋外!#REF!</definedName>
    <definedName name="_N1" localSheetId="0">#REF!</definedName>
    <definedName name="_N1">#REF!</definedName>
    <definedName name="_N10" localSheetId="0">#REF!</definedName>
    <definedName name="_N10">#REF!</definedName>
    <definedName name="_N11" localSheetId="0">#REF!</definedName>
    <definedName name="_N11">#REF!</definedName>
    <definedName name="_N12">#REF!</definedName>
    <definedName name="_N13">#REF!</definedName>
    <definedName name="_N14">#REF!</definedName>
    <definedName name="_N15">#REF!</definedName>
    <definedName name="_N16">#REF!</definedName>
    <definedName name="_N17">#REF!</definedName>
    <definedName name="_N18">#REF!</definedName>
    <definedName name="_N19">#REF!</definedName>
    <definedName name="_N2">#REF!</definedName>
    <definedName name="_N20">#REF!</definedName>
    <definedName name="_N21">#REF!</definedName>
    <definedName name="_N22">#REF!</definedName>
    <definedName name="_N23">#REF!</definedName>
    <definedName name="_N24">#REF!</definedName>
    <definedName name="_N25">#REF!</definedName>
    <definedName name="_N26">#REF!</definedName>
    <definedName name="_N27">#REF!</definedName>
    <definedName name="_N28">#REF!</definedName>
    <definedName name="_N29">#REF!</definedName>
    <definedName name="_N3">#REF!</definedName>
    <definedName name="_N30">#REF!</definedName>
    <definedName name="_N31">#REF!</definedName>
    <definedName name="_N32">#REF!</definedName>
    <definedName name="_N33">#REF!</definedName>
    <definedName name="_N34">#REF!</definedName>
    <definedName name="_N4">#REF!</definedName>
    <definedName name="_N5">#REF!</definedName>
    <definedName name="_N6">#REF!</definedName>
    <definedName name="_N7">#REF!</definedName>
    <definedName name="_N8">#REF!</definedName>
    <definedName name="_N9">#REF!</definedName>
    <definedName name="_Order1" hidden="1">255</definedName>
    <definedName name="_Order2" hidden="1">255</definedName>
    <definedName name="_P" localSheetId="0">#REF!</definedName>
    <definedName name="_P">#REF!</definedName>
    <definedName name="_P1">#REF!</definedName>
    <definedName name="_p2">#REF!</definedName>
    <definedName name="_p3">#REF!</definedName>
    <definedName name="_Parse_Out" hidden="1">#REF!</definedName>
    <definedName name="_RE2">#REF!</definedName>
    <definedName name="_Regression_Int" hidden="1">1</definedName>
    <definedName name="_Regression_Out" localSheetId="0" hidden="1">#REF!</definedName>
    <definedName name="_Regression_Out" hidden="1">#REF!</definedName>
    <definedName name="_Regression_X" localSheetId="0" hidden="1">#REF!</definedName>
    <definedName name="_Regression_X" hidden="1">#REF!</definedName>
    <definedName name="_Regression_Y" localSheetId="0" hidden="1">#REF!</definedName>
    <definedName name="_Regression_Y" hidden="1">#REF!</definedName>
    <definedName name="_SON1">#REF!</definedName>
    <definedName name="_son2">#REF!</definedName>
    <definedName name="_SON3">#REF!</definedName>
    <definedName name="_Sort" localSheetId="0" hidden="1">#REF!</definedName>
    <definedName name="_Sort" hidden="1">[3]内・屋外!#REF!</definedName>
    <definedName name="_SUB2" localSheetId="0">#REF!</definedName>
    <definedName name="_SUB2">#REF!</definedName>
    <definedName name="_SUB3" localSheetId="0">#REF!</definedName>
    <definedName name="_SUB3">#REF!</definedName>
    <definedName name="_SUB4" localSheetId="0">#REF!</definedName>
    <definedName name="_SUB4">#REF!</definedName>
    <definedName name="_Table1_In1" hidden="1">#REF!</definedName>
    <definedName name="_Table1_Out" hidden="1">#REF!</definedName>
    <definedName name="_Table2_In1" hidden="1">#REF!</definedName>
    <definedName name="_Table2_In2" hidden="1">#REF!</definedName>
    <definedName name="_Table2_Out" hidden="1">#REF!</definedName>
    <definedName name="_tan1">#REF!</definedName>
    <definedName name="_tan2">#REF!</definedName>
    <definedName name="_tan3">#REF!</definedName>
    <definedName name="_V1">#REF!</definedName>
    <definedName name="_V10">#REF!</definedName>
    <definedName name="_V11">#REF!</definedName>
    <definedName name="_V12">#REF!</definedName>
    <definedName name="_V13">#REF!</definedName>
    <definedName name="_V14">#REF!</definedName>
    <definedName name="_V15">#REF!</definedName>
    <definedName name="_V16">#REF!</definedName>
    <definedName name="_V17">#REF!</definedName>
    <definedName name="_V18">#REF!</definedName>
    <definedName name="_V19">#REF!</definedName>
    <definedName name="_V2">#REF!</definedName>
    <definedName name="_V20">#REF!</definedName>
    <definedName name="_V21">#REF!</definedName>
    <definedName name="_V22">#REF!</definedName>
    <definedName name="_V23">#REF!</definedName>
    <definedName name="_V24">#REF!</definedName>
    <definedName name="_V25">#REF!</definedName>
    <definedName name="_V26">#REF!</definedName>
    <definedName name="_V27">#REF!</definedName>
    <definedName name="_V28">#REF!</definedName>
    <definedName name="_V29">#REF!</definedName>
    <definedName name="_V3">#REF!</definedName>
    <definedName name="_V30">#REF!</definedName>
    <definedName name="_V31">#REF!</definedName>
    <definedName name="_V32">#REF!</definedName>
    <definedName name="_V33">#REF!</definedName>
    <definedName name="_V34">#REF!</definedName>
    <definedName name="_V35">#REF!</definedName>
    <definedName name="_V36">#REF!</definedName>
    <definedName name="_V37">#REF!</definedName>
    <definedName name="_V38">#REF!</definedName>
    <definedName name="_V4">#REF!</definedName>
    <definedName name="_V5">#REF!</definedName>
    <definedName name="_V6">#REF!</definedName>
    <definedName name="_V7">#REF!</definedName>
    <definedName name="_V8">#REF!</definedName>
    <definedName name="_V9">#REF!</definedName>
    <definedName name="\0">#REF!</definedName>
    <definedName name="\1">[12]諸経費計算表!$R$3:$AA$38</definedName>
    <definedName name="\11">[12]諸経費計算表!$R$3:$AA$38</definedName>
    <definedName name="￥1250" localSheetId="0">#REF!</definedName>
    <definedName name="￥1250">#REF!</definedName>
    <definedName name="￥1900" localSheetId="0">#REF!</definedName>
    <definedName name="￥1900">#REF!</definedName>
    <definedName name="\2">[12]諸経費計算表!$A$8:$F$65</definedName>
    <definedName name="\A" localSheetId="0">#REF!</definedName>
    <definedName name="\A">#REF!</definedName>
    <definedName name="\A1">#REF!</definedName>
    <definedName name="\AAA">#REF!</definedName>
    <definedName name="\B" localSheetId="0">#REF!</definedName>
    <definedName name="\B">#REF!</definedName>
    <definedName name="\B1" localSheetId="0">#REF!</definedName>
    <definedName name="\B1">#REF!</definedName>
    <definedName name="\C" localSheetId="0">#REF!</definedName>
    <definedName name="\C">#REF!</definedName>
    <definedName name="\C1" localSheetId="0">#REF!</definedName>
    <definedName name="\C1">#REF!</definedName>
    <definedName name="\D" localSheetId="0">#REF!</definedName>
    <definedName name="\D">#REF!</definedName>
    <definedName name="\D1" localSheetId="0">#REF!</definedName>
    <definedName name="\D1">#REF!</definedName>
    <definedName name="\E" localSheetId="0">#REF!</definedName>
    <definedName name="\E">#REF!</definedName>
    <definedName name="\E1" localSheetId="0">#REF!</definedName>
    <definedName name="\E1">#REF!</definedName>
    <definedName name="\F">#REF!</definedName>
    <definedName name="\F1">#REF!</definedName>
    <definedName name="\G">#REF!</definedName>
    <definedName name="\G1">#REF!</definedName>
    <definedName name="\GOTO">#REF!</definedName>
    <definedName name="\H">#REF!</definedName>
    <definedName name="\H1">#REF!</definedName>
    <definedName name="\I">#REF!</definedName>
    <definedName name="\I1">#REF!</definedName>
    <definedName name="\J">#REF!</definedName>
    <definedName name="\J1">#REF!</definedName>
    <definedName name="\K">#REF!</definedName>
    <definedName name="\K1">#REF!</definedName>
    <definedName name="\L">#REF!</definedName>
    <definedName name="\L1">#REF!</definedName>
    <definedName name="\M">#REF!</definedName>
    <definedName name="\M1">#REF!</definedName>
    <definedName name="\N">#REF!</definedName>
    <definedName name="\N1">#REF!</definedName>
    <definedName name="\O">#REF!</definedName>
    <definedName name="\O1">#REF!</definedName>
    <definedName name="\P">#REF!</definedName>
    <definedName name="\P1" localSheetId="0">#REF!</definedName>
    <definedName name="\P1">#REF!</definedName>
    <definedName name="\pn">[12]諸経費計算表!$A$2</definedName>
    <definedName name="\Q" localSheetId="0">#REF!</definedName>
    <definedName name="\Q">#REF!</definedName>
    <definedName name="\R">#REF!</definedName>
    <definedName name="\S">#REF!</definedName>
    <definedName name="\T">#REF!</definedName>
    <definedName name="\U">#REF!</definedName>
    <definedName name="\V">#REF!</definedName>
    <definedName name="\W">#REF!</definedName>
    <definedName name="\X">#REF!</definedName>
    <definedName name="\Y">#REF!</definedName>
    <definedName name="\Z">#REF!</definedName>
    <definedName name="￥あ">[13]土工!$D$2</definedName>
    <definedName name="\一覧表" localSheetId="0">#REF!</definedName>
    <definedName name="\一覧表">#REF!</definedName>
    <definedName name="\印刷設定">#REF!</definedName>
    <definedName name="\印刷設定一">#REF!</definedName>
    <definedName name="A">#REF!</definedName>
    <definedName name="A_1">'[14]Ａ代価 '!$A$1:$K$65</definedName>
    <definedName name="Ａ_４" localSheetId="0">#REF!</definedName>
    <definedName name="Ａ_４">#REF!</definedName>
    <definedName name="Ａ_５" localSheetId="0">#REF!</definedName>
    <definedName name="Ａ_５">#REF!</definedName>
    <definedName name="A_アセチレン" localSheetId="0">#REF!</definedName>
    <definedName name="A_アセチレン">#REF!</definedName>
    <definedName name="A_ガソリン">#REF!</definedName>
    <definedName name="A_プロパンガス">#REF!</definedName>
    <definedName name="A_軽油">#REF!</definedName>
    <definedName name="A_酸素">#REF!</definedName>
    <definedName name="A1_">[15]複１!#REF!</definedName>
    <definedName name="aa" localSheetId="0">[16]経費計算!#REF!</definedName>
    <definedName name="AA">#REF!</definedName>
    <definedName name="AAA" localSheetId="0">#REF!</definedName>
    <definedName name="AAA">#REF!</definedName>
    <definedName name="AAAA" localSheetId="0">施工条件明示一覧表!AAAA</definedName>
    <definedName name="AAAA">[0]!AAAA</definedName>
    <definedName name="aaaaa">[17]!Dialog3_ボタン2_Click</definedName>
    <definedName name="AAAAAAAAAAA">[18]!Dialog3_ボタン2_Click</definedName>
    <definedName name="AB">0.2</definedName>
    <definedName name="abc" localSheetId="0">#REF!</definedName>
    <definedName name="abc">#REF!</definedName>
    <definedName name="AC" localSheetId="0">#REF!</definedName>
    <definedName name="AC">#REF!</definedName>
    <definedName name="AccessDatabase" hidden="1">"C:\My Documents\キンニャモニャセンター計算集計1.mdb"</definedName>
    <definedName name="AD" localSheetId="0">#REF!</definedName>
    <definedName name="AD">#REF!</definedName>
    <definedName name="AE" localSheetId="0">#REF!</definedName>
    <definedName name="AE">#REF!</definedName>
    <definedName name="AF" localSheetId="0">#REF!</definedName>
    <definedName name="AF">#REF!</definedName>
    <definedName name="AG">#REF!</definedName>
    <definedName name="AH">#REF!</definedName>
    <definedName name="AI">#REF!</definedName>
    <definedName name="AIM">#REF!</definedName>
    <definedName name="AJ">#REF!</definedName>
    <definedName name="AN">#REF!</definedName>
    <definedName name="Anzen" localSheetId="0">[19]!Anzen</definedName>
    <definedName name="Anzen">[20]!Anzen</definedName>
    <definedName name="AnzenHyouji" localSheetId="0">[19]!AnzenHyouji</definedName>
    <definedName name="AnzenHyouji">[20]!AnzenHyouji</definedName>
    <definedName name="aqw" localSheetId="0">施工条件明示一覧表!aqw</definedName>
    <definedName name="aqw">[0]!aqw</definedName>
    <definedName name="AS" localSheetId="0">#REF!</definedName>
    <definedName name="AS">#REF!</definedName>
    <definedName name="ASDVIUI" localSheetId="0">#REF!</definedName>
    <definedName name="ASDVIUI">#REF!</definedName>
    <definedName name="AUTOEXEC" localSheetId="0">#REF!</definedName>
    <definedName name="AUTOEXEC">#REF!</definedName>
    <definedName name="awe" localSheetId="0">施工条件明示一覧表!awe</definedName>
    <definedName name="awe">[0]!awe</definedName>
    <definedName name="B" localSheetId="0">#REF!</definedName>
    <definedName name="B">#REF!</definedName>
    <definedName name="Ｂ_14" localSheetId="0">'[21]Ｂ代価 '!#REF!</definedName>
    <definedName name="Ｂ_14">'[21]Ｂ代価 '!#REF!</definedName>
    <definedName name="B4OUT" localSheetId="0">#REF!</definedName>
    <definedName name="B4OUT">#REF!</definedName>
    <definedName name="B5OUT" localSheetId="0">#REF!</definedName>
    <definedName name="B5OUT">#REF!</definedName>
    <definedName name="BANGOU" localSheetId="0">#REF!</definedName>
    <definedName name="BANGOU">#REF!</definedName>
    <definedName name="ｂｂ">[22]条件!$C$14</definedName>
    <definedName name="BG" localSheetId="0">#REF!</definedName>
    <definedName name="BG">#REF!</definedName>
    <definedName name="BUGAKE" localSheetId="0">#REF!</definedName>
    <definedName name="BUGAKE">#REF!</definedName>
    <definedName name="BUN">[3]歩・屋!$E$5:$T$16</definedName>
    <definedName name="Ｂの１" localSheetId="0">#REF!</definedName>
    <definedName name="Ｂの１">#REF!</definedName>
    <definedName name="Ｂの２" localSheetId="0">#REF!</definedName>
    <definedName name="Ｂの２">#REF!</definedName>
    <definedName name="Ｂの３" localSheetId="0">#REF!</definedName>
    <definedName name="Ｂの３">#REF!</definedName>
    <definedName name="Ｂの４">#REF!</definedName>
    <definedName name="Ｂの６">#REF!</definedName>
    <definedName name="B種">#REF!</definedName>
    <definedName name="Ｂ代価">#REF!</definedName>
    <definedName name="C_25">'[21]Ｃ代価(1)'!#REF!</definedName>
    <definedName name="C_26" localSheetId="0">#REF!</definedName>
    <definedName name="C_26">#REF!</definedName>
    <definedName name="C_27" localSheetId="0">'[21]Ｃ代価(1)'!#REF!</definedName>
    <definedName name="C_27">'[21]Ｃ代価(1)'!#REF!</definedName>
    <definedName name="C_28" localSheetId="0">'[21]Ｃ代価(1)'!#REF!</definedName>
    <definedName name="C_28">'[21]Ｃ代価(1)'!#REF!</definedName>
    <definedName name="C_29" localSheetId="0">#REF!</definedName>
    <definedName name="C_29">#REF!</definedName>
    <definedName name="C_30" localSheetId="0">'[21]Ｃ代価(1)'!#REF!</definedName>
    <definedName name="C_30">'[21]Ｃ代価(1)'!#REF!</definedName>
    <definedName name="C_31" localSheetId="0">'[21]Ｃ代価(1)'!#REF!</definedName>
    <definedName name="C_31">'[21]Ｃ代価(1)'!#REF!</definedName>
    <definedName name="Ｃ_32" localSheetId="0">'[21]Ｃ代価(1)'!#REF!</definedName>
    <definedName name="Ｃ_32">'[21]Ｃ代価(1)'!#REF!</definedName>
    <definedName name="Ｃ_33" localSheetId="0">'[21]Ｃ代価(1)'!#REF!</definedName>
    <definedName name="Ｃ_33">'[21]Ｃ代価(1)'!#REF!</definedName>
    <definedName name="Ｃ_34">'[21]Ｃ代価(1)'!#REF!</definedName>
    <definedName name="Ｃ_35">'[21]Ｃ代価(1)'!#REF!</definedName>
    <definedName name="Ｃ_36">'[21]Ｃ代価(1)'!#REF!</definedName>
    <definedName name="C0" localSheetId="0">#REF!</definedName>
    <definedName name="C0">#REF!</definedName>
    <definedName name="CC" localSheetId="0">#REF!</definedName>
    <definedName name="CC">#REF!</definedName>
    <definedName name="ｃｃｃｃｃｃ">[17]!ピクチャ5_Click</definedName>
    <definedName name="ｃｄ">'[23]３ページ'!$S$66</definedName>
    <definedName name="COUNTER" localSheetId="0">[24]表紙!#REF!</definedName>
    <definedName name="COUNTER">[24]表紙!#REF!</definedName>
    <definedName name="_xlnm.Criteria" localSheetId="0">#REF!</definedName>
    <definedName name="_xlnm.Criteria">#REF!</definedName>
    <definedName name="Criteria_MI" localSheetId="0">#REF!</definedName>
    <definedName name="Criteria_MI">#REF!</definedName>
    <definedName name="CV3C2" localSheetId="0">[25]ｹｰﾌﾞﾙ計!#REF!</definedName>
    <definedName name="CV3C2">[26]ｹｰﾌﾞﾙ計!#REF!</definedName>
    <definedName name="cv3c2_" localSheetId="0">[27]ｹｰﾌﾞﾙ労務!#REF!</definedName>
    <definedName name="cv3c2_">[28]ｹｰﾌﾞﾙ労務!#REF!</definedName>
    <definedName name="CVVS2C2" localSheetId="0">[25]ｹｰﾌﾞﾙ計!#REF!</definedName>
    <definedName name="CVVS2C2">[26]ｹｰﾌﾞﾙ計!#REF!</definedName>
    <definedName name="ｃｚ" localSheetId="0">#REF!</definedName>
    <definedName name="ｃｚ">#REF!</definedName>
    <definedName name="Ｃの１" localSheetId="0">#REF!</definedName>
    <definedName name="Ｃの１">#REF!</definedName>
    <definedName name="Ｃの１０" localSheetId="0">#REF!</definedName>
    <definedName name="Ｃの１０">#REF!</definedName>
    <definedName name="Ｃの１１">#REF!</definedName>
    <definedName name="Ｃの１２">#REF!</definedName>
    <definedName name="Ｃの１３">#REF!</definedName>
    <definedName name="Ｃの１４">#REF!</definedName>
    <definedName name="Ｃの１５">#REF!</definedName>
    <definedName name="Ｃの１６">#REF!</definedName>
    <definedName name="Ｃの１７">#REF!</definedName>
    <definedName name="Ｃの１８">#REF!</definedName>
    <definedName name="Ｃの１９">#REF!</definedName>
    <definedName name="Ｃの２">#REF!</definedName>
    <definedName name="Ｃの２０">#REF!</definedName>
    <definedName name="Ｃの２１">#REF!</definedName>
    <definedName name="Ｃの２２">#REF!</definedName>
    <definedName name="Ｃの２３">#REF!</definedName>
    <definedName name="Ｃの２４">#REF!</definedName>
    <definedName name="Ｃの２５">#REF!</definedName>
    <definedName name="Ｃの２６">#REF!</definedName>
    <definedName name="Ｃの２７">#REF!</definedName>
    <definedName name="Ｃの２８">#REF!</definedName>
    <definedName name="Ｃの２９">#REF!</definedName>
    <definedName name="Ｃの３">#REF!</definedName>
    <definedName name="Ｃの３０">#REF!</definedName>
    <definedName name="Ｃの３１">#REF!</definedName>
    <definedName name="Ｃの３２">#REF!</definedName>
    <definedName name="Ｃの３３">#REF!</definedName>
    <definedName name="Ｃの３４">#REF!</definedName>
    <definedName name="Ｃの３５">#REF!</definedName>
    <definedName name="Ｃの３６">#REF!</definedName>
    <definedName name="Ｃの４">#REF!</definedName>
    <definedName name="Ｃの５">#REF!</definedName>
    <definedName name="Ｃの６">#REF!</definedName>
    <definedName name="Ｃの７">#REF!</definedName>
    <definedName name="Ｃの８">#REF!</definedName>
    <definedName name="Ｃの９">#REF!</definedName>
    <definedName name="Ｃ既存校舎">[29]内訳書!#REF!</definedName>
    <definedName name="C種" localSheetId="0">#REF!</definedName>
    <definedName name="C種">#REF!</definedName>
    <definedName name="Ｃ代価" localSheetId="0">#REF!</definedName>
    <definedName name="Ｃ代価">#REF!</definedName>
    <definedName name="Ｃ代価表一覧表">#REF!</definedName>
    <definedName name="D">#REF!</definedName>
    <definedName name="DAIKA">#REF!</definedName>
    <definedName name="data">[30]一位代価!$A:$IV</definedName>
    <definedName name="data1" localSheetId="0">#REF!</definedName>
    <definedName name="data1">#REF!</definedName>
    <definedName name="data12" localSheetId="0">#REF!</definedName>
    <definedName name="data12">#REF!</definedName>
    <definedName name="data2" localSheetId="0">#REF!</definedName>
    <definedName name="data2">#REF!</definedName>
    <definedName name="data3">#REF!</definedName>
    <definedName name="data4">#REF!</definedName>
    <definedName name="_xlnm.Database">#REF!</definedName>
    <definedName name="Database_MI">#REF!</definedName>
    <definedName name="ｄｃ">[22]条件!$E$23</definedName>
    <definedName name="DD" localSheetId="0">#REF!</definedName>
    <definedName name="DD">#REF!</definedName>
    <definedName name="ddd">[11]!ピクチャ5_Click</definedName>
    <definedName name="dddd">[31]!Dialog3_ボタン2_Click</definedName>
    <definedName name="dddd3">[31]!Dialog3_ボタン2_Click</definedName>
    <definedName name="ｄｄｄｄｄ">[32]!ピクチャ5_Click</definedName>
    <definedName name="ddddd5">[31]!ピクチャ5_Click</definedName>
    <definedName name="DDDDDD">[33]!Dialog3_ボタン2_Click</definedName>
    <definedName name="ｄｆ">[22]条件!$C$24</definedName>
    <definedName name="Dialog3_ボタン2_Click">[34]!Dialog3_ボタン2_Click</definedName>
    <definedName name="DK" localSheetId="0">21000</definedName>
    <definedName name="DK">17902</definedName>
    <definedName name="DKT">19100</definedName>
    <definedName name="ＤＳ" localSheetId="0">#REF!</definedName>
    <definedName name="ＤＳ">#REF!</definedName>
    <definedName name="Dグランド照明" localSheetId="0">[29]内訳書!#REF!</definedName>
    <definedName name="Dグランド照明">[29]内訳書!#REF!</definedName>
    <definedName name="e" localSheetId="0">施工条件明示一覧表!e</definedName>
    <definedName name="e">[0]!e</definedName>
    <definedName name="EC" localSheetId="0">#REF!</definedName>
    <definedName name="EC">#REF!</definedName>
    <definedName name="ED" localSheetId="0">#REF!</definedName>
    <definedName name="ED">#REF!</definedName>
    <definedName name="EF" localSheetId="0">#REF!</definedName>
    <definedName name="EF">#REF!</definedName>
    <definedName name="EG">#REF!</definedName>
    <definedName name="Eizen" localSheetId="0">[19]!Eizen</definedName>
    <definedName name="Eizen">[20]!Eizen</definedName>
    <definedName name="EIZEN5" localSheetId="0" hidden="1">{"設定1",#N/A,FALSE,"第5号-1";"設定2",#N/A,FALSE,"第5号-1"}</definedName>
    <definedName name="EIZEN5" hidden="1">{"設定1",#N/A,FALSE,"第5号-1";"設定2",#N/A,FALSE,"第5号-1"}</definedName>
    <definedName name="EizenHyouji" localSheetId="0">[19]!EizenHyouji</definedName>
    <definedName name="EizenHyouji">[20]!EizenHyouji</definedName>
    <definedName name="EK" localSheetId="0">#REF!</definedName>
    <definedName name="EK">#REF!</definedName>
    <definedName name="ES" localSheetId="0">#REF!</definedName>
    <definedName name="ES">#REF!</definedName>
    <definedName name="EV" localSheetId="0">#REF!</definedName>
    <definedName name="EV">#REF!</definedName>
    <definedName name="_xlnm.Extract">#REF!</definedName>
    <definedName name="Extract_MI">#REF!</definedName>
    <definedName name="F">#REF!</definedName>
    <definedName name="ｆｆ">[22]条件!$C$16</definedName>
    <definedName name="ｆｇ">[22]条件!$C$23</definedName>
    <definedName name="ｆｈ">[22]条件!$C$9</definedName>
    <definedName name="fhkjhyg" localSheetId="0">#REF!</definedName>
    <definedName name="fhkjhyg">#REF!</definedName>
    <definedName name="FL">[3]歩・屋!$D$4:$D$43</definedName>
    <definedName name="FNA" localSheetId="0">#REF!</definedName>
    <definedName name="FNA">#REF!</definedName>
    <definedName name="FOR総括表" localSheetId="0">#REF!</definedName>
    <definedName name="FOR総括表">#REF!</definedName>
    <definedName name="FROMV1" localSheetId="0">#REF!</definedName>
    <definedName name="FROMV1">#REF!</definedName>
    <definedName name="FS" localSheetId="0">17200</definedName>
    <definedName name="FS">14522</definedName>
    <definedName name="G" localSheetId="0">#REF!</definedName>
    <definedName name="G">#REF!</definedName>
    <definedName name="GenbaKanri" localSheetId="0">[19]!GenbaKanri</definedName>
    <definedName name="GenbaKanri">[20]!GenbaKanri</definedName>
    <definedName name="GenbaKanriHyouji" localSheetId="0">[19]!GenbaKanriHyouji</definedName>
    <definedName name="GenbaKanriHyouji">[20]!GenbaKanriHyouji</definedName>
    <definedName name="gggg" localSheetId="0">#REF!</definedName>
    <definedName name="gggg">#REF!</definedName>
    <definedName name="gggggg" localSheetId="0">#REF!</definedName>
    <definedName name="gggggg">#REF!</definedName>
    <definedName name="ＧＴ">[3]歩・屋!$W$12</definedName>
    <definedName name="H" localSheetId="0">#REF!</definedName>
    <definedName name="H">#REF!</definedName>
    <definedName name="hdata12" localSheetId="0">#REF!</definedName>
    <definedName name="hdata12">#REF!</definedName>
    <definedName name="HH" localSheetId="0">#REF!</definedName>
    <definedName name="HH">#REF!</definedName>
    <definedName name="ｈｈｈ">[3]歩・屋!$W$13</definedName>
    <definedName name="HK">17902</definedName>
    <definedName name="HOKAN" localSheetId="0">#REF!</definedName>
    <definedName name="HOKAN">#REF!</definedName>
    <definedName name="HS">0.2</definedName>
    <definedName name="HYOU" localSheetId="0">#REF!</definedName>
    <definedName name="HYOU">#REF!</definedName>
    <definedName name="HYOU1" localSheetId="0">#REF!</definedName>
    <definedName name="HYOU1">#REF!</definedName>
    <definedName name="I" localSheetId="0">#REF!</definedName>
    <definedName name="I">#REF!</definedName>
    <definedName name="IAS">#REF!</definedName>
    <definedName name="iii" localSheetId="0" hidden="1">{"設定1",#N/A,FALSE,"第5号-1";"設定2",#N/A,FALSE,"第5号-1"}</definedName>
    <definedName name="iii" hidden="1">{"設定1",#N/A,FALSE,"第5号-1";"設定2",#N/A,FALSE,"第5号-1"}</definedName>
    <definedName name="iii_1" localSheetId="0" hidden="1">{"設定1",#N/A,FALSE,"第5号-1";"設定2",#N/A,FALSE,"第5号-1"}</definedName>
    <definedName name="iii_1" hidden="1">{"設定1",#N/A,FALSE,"第5号-1";"設定2",#N/A,FALSE,"第5号-1"}</definedName>
    <definedName name="IN_KNN">#REF!</definedName>
    <definedName name="INPUT">#REF!</definedName>
    <definedName name="INPUT1">#REF!</definedName>
    <definedName name="INPUT2">#REF!</definedName>
    <definedName name="int">#REF!</definedName>
    <definedName name="IppanKanri" localSheetId="0">[19]!IppanKanri</definedName>
    <definedName name="IppanKanri">[20]!IppanKanri</definedName>
    <definedName name="IppanKanriHyouji" localSheetId="0">[19]!IppanKanriHyouji</definedName>
    <definedName name="IppanKanriHyouji">[20]!IppanKanriHyouji</definedName>
    <definedName name="J" localSheetId="0">#REF!</definedName>
    <definedName name="J">#REF!</definedName>
    <definedName name="ｊｊ">[22]条件!$C$21</definedName>
    <definedName name="Junbi" localSheetId="0">[19]!Junbi</definedName>
    <definedName name="Junbi">[20]!Junbi</definedName>
    <definedName name="JunbiHyouji" localSheetId="0">[19]!JunbiHyouji</definedName>
    <definedName name="JunbiHyouji">[20]!JunbiHyouji</definedName>
    <definedName name="K" localSheetId="0">施工条件明示一覧表!K</definedName>
    <definedName name="K">[0]!K</definedName>
    <definedName name="keihi2" localSheetId="0" hidden="1">#REF!</definedName>
    <definedName name="keihi2" hidden="1">#REF!</definedName>
    <definedName name="KH">22720</definedName>
    <definedName name="KHK">0</definedName>
    <definedName name="kk" localSheetId="0">施工条件明示一覧表!kk</definedName>
    <definedName name="kk">[0]!kk</definedName>
    <definedName name="kkk" localSheetId="0">[35]入力一般管理!#REF!</definedName>
    <definedName name="kkk">[35]入力一般管理!#REF!</definedName>
    <definedName name="kkkkk" localSheetId="0" hidden="1">{"設定1",#N/A,FALSE,"第5号-1";"設定2",#N/A,FALSE,"第5号-1"}</definedName>
    <definedName name="kkkkk" hidden="1">{"設定1",#N/A,FALSE,"第5号-1";"設定2",#N/A,FALSE,"第5号-1"}</definedName>
    <definedName name="kkkkk_1" localSheetId="0" hidden="1">{"設定1",#N/A,FALSE,"第5号-1";"設定2",#N/A,FALSE,"第5号-1"}</definedName>
    <definedName name="kkkkk_1" hidden="1">{"設定1",#N/A,FALSE,"第5号-1";"設定2",#N/A,FALSE,"第5号-1"}</definedName>
    <definedName name="KR" localSheetId="0">#REF!</definedName>
    <definedName name="KR">#REF!</definedName>
    <definedName name="KS">0.18</definedName>
    <definedName name="kt">0</definedName>
    <definedName name="kw計" localSheetId="0">#REF!</definedName>
    <definedName name="kw計">#REF!</definedName>
    <definedName name="L" localSheetId="0">施工条件明示一覧表!L</definedName>
    <definedName name="L">[0]!L</definedName>
    <definedName name="L3554Ｌ３０００" localSheetId="0">#REF!</definedName>
    <definedName name="L3554Ｌ３０００">#REF!</definedName>
    <definedName name="LL" localSheetId="0">#REF!</definedName>
    <definedName name="LL">#REF!</definedName>
    <definedName name="LOOPN" localSheetId="0">[24]表紙!#REF!</definedName>
    <definedName name="LOOPN">[24]表紙!#REF!</definedName>
    <definedName name="LOOPS" localSheetId="0">[24]表紙!#REF!</definedName>
    <definedName name="LOOPS">[24]表紙!#REF!</definedName>
    <definedName name="LOOP入" localSheetId="0">[24]表紙!#REF!</definedName>
    <definedName name="LOOP入">[24]表紙!#REF!</definedName>
    <definedName name="LOOP抜" localSheetId="0">[24]表紙!#REF!</definedName>
    <definedName name="LOOP抜">[24]表紙!#REF!</definedName>
    <definedName name="M" localSheetId="0">施工条件明示一覧表!M</definedName>
    <definedName name="Ｍ">#REF!</definedName>
    <definedName name="MENU" localSheetId="0">#REF!</definedName>
    <definedName name="MENU">#REF!</definedName>
    <definedName name="MENUA" localSheetId="0">[24]表紙!#REF!</definedName>
    <definedName name="MENUA">[24]表紙!#REF!</definedName>
    <definedName name="MENUB" localSheetId="0">[24]表紙!#REF!</definedName>
    <definedName name="MENUB">[24]表紙!#REF!</definedName>
    <definedName name="MENUE" localSheetId="0">[24]表紙!#REF!</definedName>
    <definedName name="MENUE">[24]表紙!#REF!</definedName>
    <definedName name="MENUP" localSheetId="0">[24]表紙!#REF!</definedName>
    <definedName name="MENUP">[24]表紙!#REF!</definedName>
    <definedName name="MENUP2" localSheetId="0">[24]表紙!#REF!</definedName>
    <definedName name="MENUP2">[24]表紙!#REF!</definedName>
    <definedName name="MI" localSheetId="0">#REF!</definedName>
    <definedName name="MI">#REF!</definedName>
    <definedName name="ｍｊ" localSheetId="0">'[23]３ページ'!#REF!</definedName>
    <definedName name="ｍｊ">'[23]３ページ'!#REF!</definedName>
    <definedName name="mm" localSheetId="0">[36]表紙!#REF!</definedName>
    <definedName name="mm">[36]表紙!#REF!</definedName>
    <definedName name="Module1.印刷" localSheetId="0">施工条件明示一覧表!Module1.印刷</definedName>
    <definedName name="Module1.印刷">[0]!Module1.印刷</definedName>
    <definedName name="MP">17902</definedName>
    <definedName name="MT">2040</definedName>
    <definedName name="n" localSheetId="0">#REF!</definedName>
    <definedName name="n">#REF!</definedName>
    <definedName name="NAIYOU" localSheetId="0">#REF!</definedName>
    <definedName name="NAIYOU">#REF!</definedName>
    <definedName name="NL" localSheetId="0">#REF!</definedName>
    <definedName name="NL">#REF!</definedName>
    <definedName name="NO.0_NO.9">#REF!</definedName>
    <definedName name="NO.105_NO.118">#REF!</definedName>
    <definedName name="NO.23_NO.37">#REF!</definedName>
    <definedName name="NO.37_NO.105">#REF!</definedName>
    <definedName name="NO.9_NO.23">#REF!</definedName>
    <definedName name="NV">'[37]代価表 '!$Z$2</definedName>
    <definedName name="O">[38]!ピクチャ5_Click</definedName>
    <definedName name="P" localSheetId="0">#REF!</definedName>
    <definedName name="P">#REF!</definedName>
    <definedName name="Ｐ_11" localSheetId="0">#REF!</definedName>
    <definedName name="Ｐ_11">#REF!</definedName>
    <definedName name="Ｐ_12" localSheetId="0">#REF!</definedName>
    <definedName name="Ｐ_12">#REF!</definedName>
    <definedName name="Ｐ_13">#REF!</definedName>
    <definedName name="Ｐ_14">#REF!</definedName>
    <definedName name="Ｐ_15">#REF!</definedName>
    <definedName name="PAC費">#REF!</definedName>
    <definedName name="PBOX200" localSheetId="0">[25]ｹｰﾌﾞﾙ計!#REF!</definedName>
    <definedName name="PBOX200">[26]ｹｰﾌﾞﾙ計!#REF!</definedName>
    <definedName name="PE管28" localSheetId="0">[25]ｹｰﾌﾞﾙ計!#REF!</definedName>
    <definedName name="PE管28">[26]ｹｰﾌﾞﾙ計!#REF!</definedName>
    <definedName name="PE管42" localSheetId="0">[25]ｹｰﾌﾞﾙ計!#REF!</definedName>
    <definedName name="PE管42">[26]ｹｰﾌﾞﾙ計!#REF!</definedName>
    <definedName name="PMI" localSheetId="0">#REF!</definedName>
    <definedName name="PMI">#REF!</definedName>
    <definedName name="po" localSheetId="0">#REF!</definedName>
    <definedName name="po">#REF!</definedName>
    <definedName name="PP">0.8</definedName>
    <definedName name="PR_KBN">#REF!</definedName>
    <definedName name="PR_MSG">#REF!</definedName>
    <definedName name="PRI">#REF!</definedName>
    <definedName name="PRINT">#REF!</definedName>
    <definedName name="_xlnm.Print_Area" localSheetId="2">工事費内訳書!$A$1:$L$41</definedName>
    <definedName name="_xlnm.Print_Area" localSheetId="0">#REF!</definedName>
    <definedName name="_xlnm.Print_Area" localSheetId="1">設計書表紙!$A$1:$N$36</definedName>
    <definedName name="_xlnm.Print_Area" localSheetId="3">内訳書!$A$1:$I$81</definedName>
    <definedName name="_xlnm.Print_Area" localSheetId="4">明細書!$A$1:$I$81</definedName>
    <definedName name="_xlnm.Print_Area">#REF!</definedName>
    <definedName name="PRINT_AREA_MI" localSheetId="0">[39]内訳書１!#REF!</definedName>
    <definedName name="PRINT_AREA_MI">[39]内訳書１!#REF!</definedName>
    <definedName name="Print_Area１" localSheetId="0">#REF!</definedName>
    <definedName name="Print_Area１">#REF!</definedName>
    <definedName name="Print_Area２" localSheetId="0">[40]消火栓材料表!#REF!</definedName>
    <definedName name="Print_Area２">[40]消火栓材料表!#REF!</definedName>
    <definedName name="Print_Area3" localSheetId="0">#REF!</definedName>
    <definedName name="Print_Area3">#REF!</definedName>
    <definedName name="Print_Area4" localSheetId="0">#REF!</definedName>
    <definedName name="Print_Area4">#REF!</definedName>
    <definedName name="Print_Area5" localSheetId="0">#REF!</definedName>
    <definedName name="Print_Area5">#REF!</definedName>
    <definedName name="_xlnm.Print_Titles" localSheetId="0">#REF!</definedName>
    <definedName name="_xlnm.Print_Titles">#REF!</definedName>
    <definedName name="PRINT_TITLES_MI">#REF!</definedName>
    <definedName name="prn">#REF!</definedName>
    <definedName name="PT_11">#REF!</definedName>
    <definedName name="PT_12">#REF!</definedName>
    <definedName name="PT_13">#REF!</definedName>
    <definedName name="PT_14">#REF!</definedName>
    <definedName name="PT_15">#REF!</definedName>
    <definedName name="PT_16">#REF!</definedName>
    <definedName name="Q">#REF!</definedName>
    <definedName name="QD">#REF!</definedName>
    <definedName name="QH">#REF!</definedName>
    <definedName name="ｑｑ">'[23]３ページ'!$L$17</definedName>
    <definedName name="ｑｑｑｑｑ" localSheetId="0" hidden="1">{"設定1",#N/A,FALSE,"第5号-1";"設定2",#N/A,FALSE,"第5号-1"}</definedName>
    <definedName name="ｑｑｑｑｑ">[41]!Dialog3_ボタン2_Click</definedName>
    <definedName name="ｑｔ" localSheetId="0">'[42]２ページ'!#REF!</definedName>
    <definedName name="ｑｔ">'[42]２ページ'!#REF!</definedName>
    <definedName name="ｑｗ" localSheetId="0" hidden="1">{"設定1",#N/A,FALSE,"第5号-1";"設定2",#N/A,FALSE,"第5号-1"}</definedName>
    <definedName name="ｑｗ" hidden="1">{"設定1",#N/A,FALSE,"第5号-1";"設定2",#N/A,FALSE,"第5号-1"}</definedName>
    <definedName name="qwe" localSheetId="0">施工条件明示一覧表!qwe</definedName>
    <definedName name="qwe">[0]!qwe</definedName>
    <definedName name="qwu" localSheetId="0" hidden="1">{"設定1",#N/A,FALSE,"第5号-1";"設定2",#N/A,FALSE,"第5号-1"}</definedName>
    <definedName name="qwu" hidden="1">{"設定1",#N/A,FALSE,"第5号-1";"設定2",#N/A,FALSE,"第5号-1"}</definedName>
    <definedName name="qwu_1" localSheetId="0" hidden="1">{"設定1",#N/A,FALSE,"第5号-1";"設定2",#N/A,FALSE,"第5号-1"}</definedName>
    <definedName name="qwu_1" hidden="1">{"設定1",#N/A,FALSE,"第5号-1";"設定2",#N/A,FALSE,"第5号-1"}</definedName>
    <definedName name="ｑｙ">'[42]２ページ'!#REF!</definedName>
    <definedName name="R_ガラス工" localSheetId="0">#REF!</definedName>
    <definedName name="R_ガラス工">#REF!</definedName>
    <definedName name="R_サッシ工" localSheetId="0">#REF!</definedName>
    <definedName name="R_サッシ工">#REF!</definedName>
    <definedName name="R_タイル工" localSheetId="0">#REF!</definedName>
    <definedName name="R_タイル工">#REF!</definedName>
    <definedName name="R_ダクト工">#REF!</definedName>
    <definedName name="R_とび工">#REF!</definedName>
    <definedName name="R_はつり工">#REF!</definedName>
    <definedName name="R_ブロック工">#REF!</definedName>
    <definedName name="R_運転手_一般_">#REF!</definedName>
    <definedName name="R_運転手_特殊_">#REF!</definedName>
    <definedName name="R_屋根ふき工">#REF!</definedName>
    <definedName name="R_型枠工">#REF!</definedName>
    <definedName name="R_軽作業員">#REF!</definedName>
    <definedName name="R_建具工">#REF!</definedName>
    <definedName name="R_建築ブロック">#REF!</definedName>
    <definedName name="R_工場派遣作業">#REF!</definedName>
    <definedName name="R_左官">#REF!</definedName>
    <definedName name="R_石工">#REF!</definedName>
    <definedName name="R_設備機械工">#REF!</definedName>
    <definedName name="R_造園工">#REF!</definedName>
    <definedName name="R_大工">#REF!</definedName>
    <definedName name="R_鉄筋工">#REF!</definedName>
    <definedName name="R_鉄骨工">#REF!</definedName>
    <definedName name="R_電工">#REF!</definedName>
    <definedName name="R_塗装工">#REF!</definedName>
    <definedName name="R_土木一般世話">#REF!</definedName>
    <definedName name="R_特殊作業員">#REF!</definedName>
    <definedName name="R_内装工">#REF!</definedName>
    <definedName name="R_配管工">#REF!</definedName>
    <definedName name="R_板金工">#REF!</definedName>
    <definedName name="R_普通作業員">#REF!</definedName>
    <definedName name="R_保温工">#REF!</definedName>
    <definedName name="R_法面工">#REF!</definedName>
    <definedName name="R_防水工">#REF!</definedName>
    <definedName name="R_溶接工">#REF!</definedName>
    <definedName name="RE">#REF!</definedName>
    <definedName name="Record1" localSheetId="0">施工条件明示一覧表!Record1</definedName>
    <definedName name="Record1">[0]!Record1</definedName>
    <definedName name="Record12" localSheetId="0">施工条件明示一覧表!Record12</definedName>
    <definedName name="Record12">[0]!Record12</definedName>
    <definedName name="Record2" localSheetId="0">施工条件明示一覧表!Record2</definedName>
    <definedName name="Record2">[0]!Record2</definedName>
    <definedName name="RENP" localSheetId="0">#REF!</definedName>
    <definedName name="RENP">#REF!</definedName>
    <definedName name="RF" localSheetId="0">#REF!</definedName>
    <definedName name="RF">#REF!</definedName>
    <definedName name="ro">'[3]拾・幹線(屋)'!$O$10</definedName>
    <definedName name="rr">[43]!Dialog3_ボタン2_Click</definedName>
    <definedName name="RS" localSheetId="0">#REF!</definedName>
    <definedName name="RS">#REF!</definedName>
    <definedName name="RUM" localSheetId="0">#REF!</definedName>
    <definedName name="RUM">#REF!</definedName>
    <definedName name="RV" localSheetId="0">#REF!</definedName>
    <definedName name="RV">#REF!</definedName>
    <definedName name="s">#REF!</definedName>
    <definedName name="sa">'[42]３ページ'!#REF!</definedName>
    <definedName name="SAB" localSheetId="0">#REF!</definedName>
    <definedName name="SAB">#REF!</definedName>
    <definedName name="SCV" localSheetId="0">#REF!</definedName>
    <definedName name="SCV">#REF!</definedName>
    <definedName name="sk" localSheetId="0">'[23]３ページ'!#REF!</definedName>
    <definedName name="sk">'[23]３ページ'!#REF!</definedName>
    <definedName name="SKｿｹｯﾄφ20" localSheetId="0">#REF!</definedName>
    <definedName name="SKｿｹｯﾄφ20">#REF!</definedName>
    <definedName name="SKｿｹｯﾄφ40" localSheetId="0">#REF!</definedName>
    <definedName name="SKｿｹｯﾄφ40">#REF!</definedName>
    <definedName name="smif" localSheetId="0">[44]機器等据付工!#REF!</definedName>
    <definedName name="smif">[44]機器等据付工!#REF!</definedName>
    <definedName name="SONI" localSheetId="0">#REF!</definedName>
    <definedName name="SONI">#REF!</definedName>
    <definedName name="SONO" localSheetId="0">#REF!</definedName>
    <definedName name="SONO">#REF!</definedName>
    <definedName name="SPK">17940</definedName>
    <definedName name="SQRT" localSheetId="0">#REF!</definedName>
    <definedName name="SQRT">#REF!</definedName>
    <definedName name="ｓｒ" localSheetId="0">[13]土工!#REF!</definedName>
    <definedName name="ｓｒ">[13]土工!#REF!</definedName>
    <definedName name="SUB" localSheetId="0">#REF!</definedName>
    <definedName name="SUB">#REF!</definedName>
    <definedName name="SUS屋内" localSheetId="0">#REF!</definedName>
    <definedName name="SUS屋内">#REF!</definedName>
    <definedName name="SUS据付" localSheetId="0">#REF!</definedName>
    <definedName name="SUS据付">#REF!</definedName>
    <definedName name="ｔ" localSheetId="0">施工条件明示一覧表!ｔ</definedName>
    <definedName name="ｔ">[0]!ｔ</definedName>
    <definedName name="TANKA">'[45]H15年度4月-企業庁・県建設部単価表'!$A$5:$H$490</definedName>
    <definedName name="TF" localSheetId="0">#REF!</definedName>
    <definedName name="TF">#REF!</definedName>
    <definedName name="to">'[3]拾・幹線(屋)'!$O$14</definedName>
    <definedName name="TORA">'[3]#REF'!$C$5:$S$38</definedName>
    <definedName name="TPAJI" localSheetId="0">#REF!</definedName>
    <definedName name="TPAJI">#REF!</definedName>
    <definedName name="TS" localSheetId="0">20800</definedName>
    <definedName name="TS">16892</definedName>
    <definedName name="T区" localSheetId="0">#REF!</definedName>
    <definedName name="T区">#REF!</definedName>
    <definedName name="U" localSheetId="0">施工条件明示一覧表!U</definedName>
    <definedName name="U">[0]!U</definedName>
    <definedName name="UG" localSheetId="0">#REF!</definedName>
    <definedName name="UG">#REF!</definedName>
    <definedName name="UHY" localSheetId="0">#REF!</definedName>
    <definedName name="UHY">#REF!</definedName>
    <definedName name="Unnpan" localSheetId="0">[19]!Unnpan</definedName>
    <definedName name="Unnpan">[20]!Unnpan</definedName>
    <definedName name="V" localSheetId="0">#REF!</definedName>
    <definedName name="V">#REF!</definedName>
    <definedName name="ｖｆ">'[23]３ページ'!#REF!</definedName>
    <definedName name="VNJ" localSheetId="0">#REF!</definedName>
    <definedName name="VNJ">#REF!</definedName>
    <definedName name="VP.VU据付" localSheetId="0">#REF!</definedName>
    <definedName name="VP.VU据付">#REF!</definedName>
    <definedName name="VU屋内" localSheetId="0">#REF!</definedName>
    <definedName name="VU屋内">#REF!</definedName>
    <definedName name="ｖｖ">[46]条件!$C$6</definedName>
    <definedName name="W" localSheetId="0">#REF!</definedName>
    <definedName name="W">#REF!</definedName>
    <definedName name="WA" localSheetId="0">#REF!</definedName>
    <definedName name="WA">#REF!</definedName>
    <definedName name="WIR_D_34" localSheetId="0">#REF!</definedName>
    <definedName name="WIR_D_34">#REF!</definedName>
    <definedName name="wrn.REP1." localSheetId="0" hidden="1">{"設定1",#N/A,FALSE,"第5号-1";"設定2",#N/A,FALSE,"第5号-1"}</definedName>
    <definedName name="wrn.REP1." hidden="1">{"設定1",#N/A,FALSE,"第5号-1";"設定2",#N/A,FALSE,"第5号-1"}</definedName>
    <definedName name="wrn.REP1._1" localSheetId="0" hidden="1">{"設定1",#N/A,FALSE,"第5号-1";"設定2",#N/A,FALSE,"第5号-1"}</definedName>
    <definedName name="wrn.REP1._1" hidden="1">{"設定1",#N/A,FALSE,"第5号-1";"設定2",#N/A,FALSE,"第5号-1"}</definedName>
    <definedName name="wrn.REP2" localSheetId="0" hidden="1">{"設定1",#N/A,FALSE,"第5号-1";"設定2",#N/A,FALSE,"第5号-1"}</definedName>
    <definedName name="wrn.REP2" hidden="1">{"設定1",#N/A,FALSE,"第5号-1";"設定2",#N/A,FALSE,"第5号-1"}</definedName>
    <definedName name="wrn.REP2_1" localSheetId="0" hidden="1">{"設定1",#N/A,FALSE,"第5号-1";"設定2",#N/A,FALSE,"第5号-1"}</definedName>
    <definedName name="wrn.REP2_1" hidden="1">{"設定1",#N/A,FALSE,"第5号-1";"設定2",#N/A,FALSE,"第5号-1"}</definedName>
    <definedName name="wrn.機械代価表１０１から." localSheetId="0" hidden="1">{#N/A,#N/A,FALSE,"AM-101";#N/A,#N/A,FALSE,"AM-102";#N/A,#N/A,FALSE,"AM-103";#N/A,#N/A,FALSE,"AM-104";#N/A,#N/A,FALSE,"AM-105";#N/A,#N/A,FALSE,"AM-106";#N/A,#N/A,FALSE,"AM-107";#N/A,#N/A,FALSE,"AM-108";#N/A,#N/A,FALSE,"AM-109";#N/A,#N/A,FALSE,"AM-110";#N/A,#N/A,FALSE,"AM-111";#N/A,#N/A,FALSE,"AM-112";#N/A,#N/A,FALSE,"AM-113"}</definedName>
    <definedName name="wrn.機械代価表１０１から." hidden="1">{#N/A,#N/A,FALSE,"AM-101";#N/A,#N/A,FALSE,"AM-102";#N/A,#N/A,FALSE,"AM-103";#N/A,#N/A,FALSE,"AM-104";#N/A,#N/A,FALSE,"AM-105";#N/A,#N/A,FALSE,"AM-106";#N/A,#N/A,FALSE,"AM-107";#N/A,#N/A,FALSE,"AM-108";#N/A,#N/A,FALSE,"AM-109";#N/A,#N/A,FALSE,"AM-110";#N/A,#N/A,FALSE,"AM-111";#N/A,#N/A,FALSE,"AM-112";#N/A,#N/A,FALSE,"AM-113"}</definedName>
    <definedName name="wrn.機械代価表１から２０." localSheetId="0"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１から２０."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機械代価表２１から４０." localSheetId="0"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２１から４０."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機械代価表４１から６０." localSheetId="0"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４１から６０."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機械代価表６１から８０." localSheetId="0"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６１から８０."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機械代価表８１から１００." localSheetId="0"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機械代価表８１から１００."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出張所改築工事." localSheetId="0"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出張所改築工事." hidden="1">{#N/A,#N/A,FALSE,"表紙";#N/A,#N/A,FALSE,"内訳表";#N/A,#N/A,FALSE,"内訳表 (2)";#N/A,#N/A,FALSE,"経費計算書";#N/A,#N/A,FALSE,"仮設工事";#N/A,#N/A,FALSE,"塗装及び内装工事";#N/A,#N/A,FALSE,"雑工事";#N/A,#N/A,FALSE,"木間仕切工事";#N/A,#N/A,FALSE,"外構工事";#N/A,#N/A,FALSE,"車庫工事";#N/A,#N/A,FALSE,"空調機器";#N/A,#N/A,FALSE,"配管工事";#N/A,#N/A,FALSE,"撤去工事";#N/A,#N/A,FALSE,"電灯設備";#N/A,#N/A,FALSE,"動力設備";#N/A,#N/A,FALSE,"電話設備";#N/A,#N/A,FALSE,"A-1";#N/A,#N/A,FALSE,"A-2";#N/A,#N/A,FALSE,"A-3";#N/A,#N/A,FALSE,"A-4";#N/A,#N/A,FALSE,"A-5";#N/A,#N/A,FALSE,"A-6";#N/A,#N/A,FALSE,"A-7";#N/A,#N/A,FALSE,"M-8";#N/A,#N/A,FALSE,"A-9";#N/A,#N/A,FALSE,"A-10";#N/A,#N/A,FALSE,"A-11";#N/A,#N/A,FALSE,"A-12";#N/A,#N/A,FALSE,"A-13";#N/A,#N/A,FALSE,"A-14";#N/A,#N/A,FALSE,"A-15";#N/A,#N/A,FALSE,"A-16";#N/A,#N/A,FALSE,"A-17";#N/A,#N/A,FALSE,"A-18";#N/A,#N/A,FALSE,"A-19";#N/A,#N/A,FALSE,"A-20";#N/A,#N/A,FALSE,"A-21"}</definedName>
    <definedName name="wrn.上清水開削４." localSheetId="0"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代価表１０１から." localSheetId="0" hidden="1">{#N/A,#N/A,FALSE,"AM-101";#N/A,#N/A,FALSE,"AM-102";#N/A,#N/A,FALSE,"AM-103";#N/A,#N/A,FALSE,"AM-104";#N/A,#N/A,FALSE,"AM-105";#N/A,#N/A,FALSE,"AM-106";#N/A,#N/A,FALSE,"AM-107";#N/A,#N/A,FALSE,"AM-108";#N/A,#N/A,FALSE,"AM-109";#N/A,#N/A,FALSE,"AM-110";#N/A,#N/A,FALSE,"AM-111";#N/A,#N/A,FALSE,"AM-112";#N/A,#N/A,FALSE,"AM-113"}</definedName>
    <definedName name="wrn.代価表１０１から." hidden="1">{#N/A,#N/A,FALSE,"AM-101";#N/A,#N/A,FALSE,"AM-102";#N/A,#N/A,FALSE,"AM-103";#N/A,#N/A,FALSE,"AM-104";#N/A,#N/A,FALSE,"AM-105";#N/A,#N/A,FALSE,"AM-106";#N/A,#N/A,FALSE,"AM-107";#N/A,#N/A,FALSE,"AM-108";#N/A,#N/A,FALSE,"AM-109";#N/A,#N/A,FALSE,"AM-110";#N/A,#N/A,FALSE,"AM-111";#N/A,#N/A,FALSE,"AM-112";#N/A,#N/A,FALSE,"AM-113"}</definedName>
    <definedName name="wrn.代価表１から２０." localSheetId="0"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１から２０." hidden="1">{#N/A,#N/A,FALSE,"AM-1";#N/A,#N/A,FALSE,"AM-2";#N/A,#N/A,FALSE,"AM-2-1";#N/A,#N/A,FALSE,"AM-3";#N/A,#N/A,FALSE,"AM-4";#N/A,#N/A,FALSE,"AM-5";#N/A,#N/A,FALSE,"AM-6";#N/A,#N/A,FALSE,"AM-7";#N/A,#N/A,FALSE,"AM-8";#N/A,#N/A,FALSE,"AM-9";#N/A,#N/A,FALSE,"AM-10";#N/A,#N/A,FALSE,"AM-11";#N/A,#N/A,FALSE,"AM-12";#N/A,#N/A,FALSE,"AM-13";#N/A,#N/A,FALSE,"AM-14";#N/A,#N/A,FALSE,"AM-15";#N/A,#N/A,FALSE,"AM-16";#N/A,#N/A,FALSE,"AM-16-2";#N/A,#N/A,FALSE,"AM-17";#N/A,#N/A,FALSE,"AM-18";#N/A,#N/A,FALSE,"AM-19";#N/A,#N/A,FALSE,"AM-20"}</definedName>
    <definedName name="wrn.代価表２１から４０." localSheetId="0"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２１から４０." hidden="1">{#N/A,#N/A,FALSE,"AM-21";#N/A,#N/A,FALSE,"AM-22";#N/A,#N/A,FALSE,"AM-23";#N/A,#N/A,FALSE,"AM-23-2";#N/A,#N/A,FALSE,"AM-24";#N/A,#N/A,FALSE,"AM-25";#N/A,#N/A,FALSE,"AM-26";#N/A,#N/A,FALSE,"AM-27";#N/A,#N/A,FALSE,"AM-28";#N/A,#N/A,FALSE,"AM-29";#N/A,#N/A,FALSE,"AM-30";#N/A,#N/A,FALSE,"AM-31";#N/A,#N/A,FALSE,"AM-32";#N/A,#N/A,FALSE,"AM-33";#N/A,#N/A,FALSE,"AM-34";#N/A,#N/A,FALSE,"AM-35";#N/A,#N/A,FALSE,"AM-36";#N/A,#N/A,FALSE,"AM-37";#N/A,#N/A,FALSE,"AM-38";#N/A,#N/A,FALSE,"AM-39";#N/A,#N/A,FALSE,"AM-40"}</definedName>
    <definedName name="wrn.代価表４１から６０." localSheetId="0"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４１から６０." hidden="1">{#N/A,#N/A,FALSE,"AM-41";#N/A,#N/A,FALSE,"AM-42";#N/A,#N/A,FALSE,"AM-43";#N/A,#N/A,FALSE,"AM-44";#N/A,#N/A,FALSE,"AM-45";#N/A,#N/A,FALSE,"AM-46";#N/A,#N/A,FALSE,"AM-46-2";#N/A,#N/A,FALSE,"AM-47";#N/A,#N/A,FALSE,"AM-48";#N/A,#N/A,FALSE,"AM-49";#N/A,#N/A,FALSE,"AM-50";#N/A,#N/A,FALSE,"AM-51";#N/A,#N/A,FALSE,"AM-52";#N/A,#N/A,FALSE,"AM-53";#N/A,#N/A,FALSE,"AM-54";#N/A,#N/A,FALSE,"AM-55";#N/A,#N/A,FALSE,"AM-56";#N/A,#N/A,FALSE,"AM-57";#N/A,#N/A,FALSE,"AM-58";#N/A,#N/A,FALSE,"AM-59";#N/A,#N/A,FALSE,"AM-60"}</definedName>
    <definedName name="wrn.代価表６１から８０." localSheetId="0"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６１から８０."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wrn.代価表８１から１００." localSheetId="0"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代価表８１から１００." hidden="1">{#N/A,#N/A,FALSE,"AM-81";#N/A,#N/A,FALSE,"AM-82";#N/A,#N/A,FALSE,"AM-83";#N/A,#N/A,FALSE,"AM-84";#N/A,#N/A,FALSE,"AM-85";#N/A,#N/A,FALSE,"AM-86";#N/A,#N/A,FALSE,"AM-87";#N/A,#N/A,FALSE,"AM-88";#N/A,#N/A,FALSE,"AM-89";#N/A,#N/A,FALSE,"AM-90";#N/A,#N/A,FALSE,"AM-91";#N/A,#N/A,FALSE,"AM-92";#N/A,#N/A,FALSE,"AM-93";#N/A,#N/A,FALSE,"AM-94";#N/A,#N/A,FALSE,"AM-95";#N/A,#N/A,FALSE,"AM-96";#N/A,#N/A,FALSE,"AM-97";#N/A,#N/A,FALSE,"AM-98";#N/A,#N/A,FALSE,"AM-99";#N/A,#N/A,FALSE,"AM-100"}</definedName>
    <definedName name="wrn.内訳書." localSheetId="0" hidden="1">{#N/A,#N/A,FALSE,"表紙";#N/A,#N/A,FALSE,"内訳表";#N/A,#N/A,FALSE,"経費計算書"}</definedName>
    <definedName name="wrn.内訳書." hidden="1">{#N/A,#N/A,FALSE,"表紙";#N/A,#N/A,FALSE,"内訳表";#N/A,#N/A,FALSE,"経費計算書"}</definedName>
    <definedName name="wrn.内訳書建築機械." localSheetId="0" hidden="1">{#N/A,#N/A,FALSE,"表紙";#N/A,#N/A,FALSE,"内訳表";#N/A,#N/A,FALSE,"内訳表 (2)";#N/A,#N/A,FALSE,"経費計算書"}</definedName>
    <definedName name="wrn.内訳書建築機械." hidden="1">{#N/A,#N/A,FALSE,"表紙";#N/A,#N/A,FALSE,"内訳表";#N/A,#N/A,FALSE,"内訳表 (2)";#N/A,#N/A,FALSE,"経費計算書"}</definedName>
    <definedName name="wrn.明細書建築機械." localSheetId="0"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機械." hidden="1">{#N/A,#N/A,FALSE,"空調機器設備";#N/A,#N/A,FALSE,"ダクト設備";#N/A,#N/A,FALSE,"ダクト設備(2)";#N/A,#N/A,FALSE,"配管設備";#N/A,#N/A,FALSE,"配管設備(2)";#N/A,#N/A,FALSE,"自動制御設備";#N/A,#N/A,FALSE,"総合調整費";#N/A,#N/A,FALSE,"送風機器設備";#N/A,#N/A,FALSE,"送風機器設備(2)";#N/A,#N/A,FALSE,"換気ダクト設備";#N/A,#N/A,FALSE,"換気ダクト設備(2)";#N/A,#N/A,FALSE,"換気総合調整費";#N/A,#N/A,FALSE,"衛生器具設備";#N/A,#N/A,FALSE,"給水設備";#N/A,#N/A,FALSE,"給水設備(2)";#N/A,#N/A,FALSE,"給水設備(3)";#N/A,#N/A,FALSE,"排水設備";#N/A,#N/A,FALSE,"排水設備(2)";#N/A,#N/A,FALSE,"給湯設備";#N/A,#N/A,FALSE,"液化石油ガス設備";#N/A,#N/A,FALSE,"分析ｶﾞｽ設備"}</definedName>
    <definedName name="wrn.明細書建築電気." localSheetId="0"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wrn.明細書建築電気."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ｗｓ">[47]Code!#REF!</definedName>
    <definedName name="ｗｗ">'[42]３ページ'!#REF!</definedName>
    <definedName name="X" localSheetId="0">#REF!</definedName>
    <definedName name="X">#REF!</definedName>
    <definedName name="XC" localSheetId="0">#REF!</definedName>
    <definedName name="XC">#REF!</definedName>
    <definedName name="XMIN" localSheetId="0">#REF!</definedName>
    <definedName name="XMIN">#REF!</definedName>
    <definedName name="ｘｘ">[22]条件!$C$11</definedName>
    <definedName name="Y" localSheetId="0">施工条件明示一覧表!Y</definedName>
    <definedName name="Y">[0]!Y</definedName>
    <definedName name="Yusou" localSheetId="0">[19]!Yusou</definedName>
    <definedName name="Yusou">[20]!Yusou</definedName>
    <definedName name="YusouHyouji" localSheetId="0">[19]!YusouHyouji</definedName>
    <definedName name="YusouHyouji">[20]!YusouHyouji</definedName>
    <definedName name="ｙｙ" localSheetId="0">[24]表紙!#REF!</definedName>
    <definedName name="ｙｙ">[24]表紙!#REF!</definedName>
    <definedName name="ｙｙｙ" localSheetId="0">#REF!</definedName>
    <definedName name="ｙｙｙ">#REF!</definedName>
    <definedName name="Z" localSheetId="0">#REF!</definedName>
    <definedName name="Z">#REF!</definedName>
    <definedName name="ZAI" localSheetId="0">#REF!</definedName>
    <definedName name="ZAI">#REF!</definedName>
    <definedName name="ZAT1">#REF!</definedName>
    <definedName name="zat2">#REF!</definedName>
    <definedName name="ZAT3">#REF!</definedName>
    <definedName name="ZX">[48]!ピクチャ5_Click</definedName>
    <definedName name="Z一般管理費" localSheetId="0">#REF!</definedName>
    <definedName name="Z一般管理費">#REF!</definedName>
    <definedName name="Z一般管理費1" localSheetId="0">#REF!</definedName>
    <definedName name="Z一般管理費1">#REF!</definedName>
    <definedName name="Z一般管理費2" localSheetId="0">#REF!</definedName>
    <definedName name="Z一般管理費2">#REF!</definedName>
    <definedName name="Z一般管理費3">#REF!</definedName>
    <definedName name="Z一般労務費">#REF!</definedName>
    <definedName name="Z一般労務費1">#REF!</definedName>
    <definedName name="Z一般労務費2">#REF!</definedName>
    <definedName name="Z一般労務費3">#REF!</definedName>
    <definedName name="Z間接工事費">#REF!</definedName>
    <definedName name="Z間接工事費1">#REF!</definedName>
    <definedName name="Z間接工事費2">#REF!</definedName>
    <definedName name="Z間接工事費3">#REF!</definedName>
    <definedName name="Z機械経費">#REF!</definedName>
    <definedName name="Z機械経費1">#REF!</definedName>
    <definedName name="Z機械経費2">#REF!</definedName>
    <definedName name="Z機械経費3">#REF!</definedName>
    <definedName name="Z機器費">#REF!</definedName>
    <definedName name="Z機器費1">#REF!</definedName>
    <definedName name="Z機器費2">#REF!</definedName>
    <definedName name="Z機器費3">#REF!</definedName>
    <definedName name="Z技術費">#REF!</definedName>
    <definedName name="Z技術費1">#REF!</definedName>
    <definedName name="Z技術費2">#REF!</definedName>
    <definedName name="Z技術費3">#REF!</definedName>
    <definedName name="Z共通仮設費">#REF!</definedName>
    <definedName name="Z共通仮設費1">#REF!</definedName>
    <definedName name="Z共通仮設費2">#REF!</definedName>
    <definedName name="Z共通仮設費3">#REF!</definedName>
    <definedName name="Z現場間接費">#REF!</definedName>
    <definedName name="Z現場間接費1">#REF!</definedName>
    <definedName name="Z現場間接費2">#REF!</definedName>
    <definedName name="Z現場間接費3">#REF!</definedName>
    <definedName name="Z工事価格">#REF!</definedName>
    <definedName name="Z工事価格1">#REF!</definedName>
    <definedName name="Z工事価格2">#REF!</definedName>
    <definedName name="Z工事価格3">#REF!</definedName>
    <definedName name="Z工事原価">#REF!</definedName>
    <definedName name="Z工事原価1">#REF!</definedName>
    <definedName name="Z工事原価2">#REF!</definedName>
    <definedName name="Z工事原価3">#REF!</definedName>
    <definedName name="Z工派計">#REF!</definedName>
    <definedName name="Z工派計1">#REF!</definedName>
    <definedName name="Z工派計2">#REF!</definedName>
    <definedName name="Z工派計3">#REF!</definedName>
    <definedName name="Z工派試験">#REF!</definedName>
    <definedName name="Z工派試験1">#REF!</definedName>
    <definedName name="Z工派試験2">#REF!</definedName>
    <definedName name="Z工派試験3">#REF!</definedName>
    <definedName name="Z工派据付">#REF!</definedName>
    <definedName name="Z工派据付1">#REF!</definedName>
    <definedName name="Z工派据付2">#REF!</definedName>
    <definedName name="Z工派据付3">#REF!</definedName>
    <definedName name="Z材料費">#REF!</definedName>
    <definedName name="Z材料費1">#REF!</definedName>
    <definedName name="Z材料費2">#REF!</definedName>
    <definedName name="Z材料費3">#REF!</definedName>
    <definedName name="Z試運転費">#REF!</definedName>
    <definedName name="Z試運転費1">#REF!</definedName>
    <definedName name="Z試運転費2">#REF!</definedName>
    <definedName name="Z試運転費3">#REF!</definedName>
    <definedName name="Z純工事">#REF!</definedName>
    <definedName name="Z純工事1">#REF!</definedName>
    <definedName name="Z純工事2">#REF!</definedName>
    <definedName name="Z純工事3">#REF!</definedName>
    <definedName name="Z水道光熱">#REF!</definedName>
    <definedName name="Z水道光熱1">#REF!</definedName>
    <definedName name="Z水道光熱2">#REF!</definedName>
    <definedName name="Z水道光熱3">#REF!</definedName>
    <definedName name="Z据付間接費">#REF!</definedName>
    <definedName name="Z据付間接費1">#REF!</definedName>
    <definedName name="Z据付間接費2">#REF!</definedName>
    <definedName name="Z据付間接費3">#REF!</definedName>
    <definedName name="Z据付工間接">#REF!</definedName>
    <definedName name="Z据付工間接1">#REF!</definedName>
    <definedName name="Z据付工間接2">#REF!</definedName>
    <definedName name="Z据付工間接3">#REF!</definedName>
    <definedName name="Z据付費">#REF!</definedName>
    <definedName name="Z据付費1">#REF!</definedName>
    <definedName name="Z据付費2">#REF!</definedName>
    <definedName name="Z据付費3">#REF!</definedName>
    <definedName name="Z組合せ試験">#REF!</definedName>
    <definedName name="Z組合せ試験1">#REF!</definedName>
    <definedName name="Z組合せ試験2">#REF!</definedName>
    <definedName name="Z組合せ試験3">#REF!</definedName>
    <definedName name="Z総合試運転">#REF!</definedName>
    <definedName name="Z総合試運転1">#REF!</definedName>
    <definedName name="Z総合試運転2">#REF!</definedName>
    <definedName name="Z総合試運転3">#REF!</definedName>
    <definedName name="Z直工">#REF!</definedName>
    <definedName name="Z直工1">#REF!</definedName>
    <definedName name="Z直工2">#REF!</definedName>
    <definedName name="Z直工3">#REF!</definedName>
    <definedName name="Z直接経費">#REF!</definedName>
    <definedName name="Z直接経費1">#REF!</definedName>
    <definedName name="Z直接経費2">#REF!</definedName>
    <definedName name="Z直接経費3">#REF!</definedName>
    <definedName name="Z直接材料費">#REF!</definedName>
    <definedName name="Z直接材料費1">#REF!</definedName>
    <definedName name="Z直接材料費2">#REF!</definedName>
    <definedName name="Z直接材料費3">#REF!</definedName>
    <definedName name="Z直接労務費">#REF!</definedName>
    <definedName name="Z直接労務費1">#REF!</definedName>
    <definedName name="Z直接労務費2">#REF!</definedName>
    <definedName name="Z直接労務費3">#REF!</definedName>
    <definedName name="Z特許使用料">#REF!</definedName>
    <definedName name="Z特許使用料1">#REF!</definedName>
    <definedName name="Z特許使用料2">#REF!</definedName>
    <definedName name="Z特許使用料3">#REF!</definedName>
    <definedName name="Z複合工費">#REF!</definedName>
    <definedName name="Z複合工費1">#REF!</definedName>
    <definedName name="Z複合工費2">#REF!</definedName>
    <definedName name="Z複合工費3">#REF!</definedName>
    <definedName name="Z補助材料費">#REF!</definedName>
    <definedName name="Z補助材料費1">#REF!</definedName>
    <definedName name="Z補助材料費2">#REF!</definedName>
    <definedName name="Z補助材料費3">#REF!</definedName>
    <definedName name="Z輸送費">#REF!</definedName>
    <definedName name="Z輸送費1">#REF!</definedName>
    <definedName name="Z輸送費2">#REF!</definedName>
    <definedName name="Z輸送費3">#REF!</definedName>
    <definedName name="φ50本設配管">[49]!φ50本設配管</definedName>
    <definedName name="ア" localSheetId="0">[50]表紙!#REF!</definedName>
    <definedName name="ア">[50]表紙!#REF!</definedName>
    <definedName name="あ" localSheetId="0">施工条件明示一覧表!あ</definedName>
    <definedName name="あ">[0]!あ</definedName>
    <definedName name="あ1" localSheetId="0">#REF!</definedName>
    <definedName name="あ1">#REF!</definedName>
    <definedName name="ああ" localSheetId="0">#REF!</definedName>
    <definedName name="ああ">'[23]３ページ'!#REF!</definedName>
    <definedName name="あああ" localSheetId="0">施工条件明示一覧表!あああ</definedName>
    <definedName name="あああ">[0]!あああ</definedName>
    <definedName name="ああああ" localSheetId="0">#REF!</definedName>
    <definedName name="ああああ">#REF!</definedName>
    <definedName name="あああああ" localSheetId="0" hidden="1">#REF!</definedName>
    <definedName name="あああああ" hidden="1">#REF!</definedName>
    <definedName name="ああああああ" localSheetId="0">[50]表紙!#REF!</definedName>
    <definedName name="ああああああ">[50]表紙!#REF!</definedName>
    <definedName name="あい" localSheetId="0">施工条件明示一覧表!あい</definedName>
    <definedName name="あい">[0]!あい</definedName>
    <definedName name="ｱｽﾌｧﾙﾄ乳剤PK3" localSheetId="0">#REF!</definedName>
    <definedName name="ｱｽﾌｧﾙﾄ乳剤PK3">#REF!</definedName>
    <definedName name="ｱｾﾁﾚﾝ">#REF!</definedName>
    <definedName name="い" localSheetId="0">施工条件明示一覧表!い</definedName>
    <definedName name="い">[0]!い</definedName>
    <definedName name="いい">'[23]３ページ'!$L$9</definedName>
    <definedName name="いいいい">[20]!Anzen</definedName>
    <definedName name="いらない列1" localSheetId="0">#REF!</definedName>
    <definedName name="いらない列1">#REF!</definedName>
    <definedName name="いらない列2" localSheetId="0">#REF!</definedName>
    <definedName name="いらない列2">#REF!</definedName>
    <definedName name="う" localSheetId="0">施工条件明示一覧表!う</definedName>
    <definedName name="う">[0]!う</definedName>
    <definedName name="うう">'[23]２ページ'!$I$36</definedName>
    <definedName name="ううう" localSheetId="0">#REF!</definedName>
    <definedName name="ううう">#REF!</definedName>
    <definedName name="うううう" localSheetId="0">#REF!</definedName>
    <definedName name="うううう">#REF!</definedName>
    <definedName name="うぇ" localSheetId="0">施工条件明示一覧表!うぇ</definedName>
    <definedName name="うぇ">[0]!うぇ</definedName>
    <definedName name="え">[51]!Dialog3_ボタン2_Click</definedName>
    <definedName name="ええ">'[23]３ページ'!$G$16</definedName>
    <definedName name="えええ" localSheetId="0" hidden="1">#REF!</definedName>
    <definedName name="えええ" hidden="1">#REF!</definedName>
    <definedName name="ｴﾙﾎﾞφ20" localSheetId="0">#REF!</definedName>
    <definedName name="ｴﾙﾎﾞφ20">#REF!</definedName>
    <definedName name="ｴﾙﾎﾞφ25" localSheetId="0">#REF!</definedName>
    <definedName name="ｴﾙﾎﾞφ25">#REF!</definedName>
    <definedName name="ｴﾙﾎﾞφ40">#REF!</definedName>
    <definedName name="お" localSheetId="0">施工条件明示一覧表!お</definedName>
    <definedName name="お">[0]!お</definedName>
    <definedName name="おお">'[23]１ページ'!$J$58</definedName>
    <definedName name="ガス" localSheetId="0">#REF!</definedName>
    <definedName name="ガス">#REF!</definedName>
    <definedName name="ｶﾞｽPS" localSheetId="0">#REF!</definedName>
    <definedName name="ｶﾞｽPS">#REF!</definedName>
    <definedName name="ガス給湯器">[3]歩・屋!$W$10</definedName>
    <definedName name="ｶﾞｿﾘﾝ">#REF!</definedName>
    <definedName name="ｶｯﾀｰﾌﾞﾚｰﾄﾞ30">#REF!</definedName>
    <definedName name="ｶｯﾀｰﾌﾞﾚｰﾄﾞ40">#REF!</definedName>
    <definedName name="ｶｯﾀｰﾌﾞﾚｰﾄﾞ55">#REF!</definedName>
    <definedName name="ｶｯﾀｰﾌﾞﾚｰﾄﾞ60">#REF!</definedName>
    <definedName name="ｶｯﾀｰ運転30㎝">#REF!</definedName>
    <definedName name="ｶｯﾀｰ運転40㎝">#REF!</definedName>
    <definedName name="ｶﾞﾗｽ工">#REF!</definedName>
    <definedName name="ガラス工２">[52]府県別労務!$C$50</definedName>
    <definedName name="き" localSheetId="0">施工条件明示一覧表!き</definedName>
    <definedName name="き">[0]!き</definedName>
    <definedName name="く" localSheetId="0">'[42]３ページ'!#REF!</definedName>
    <definedName name="く">'[42]３ページ'!#REF!</definedName>
    <definedName name="くうちょう" localSheetId="0">#REF!</definedName>
    <definedName name="くうちょう">#REF!</definedName>
    <definedName name="くぇ" localSheetId="0">施工条件明示一覧表!くぇ</definedName>
    <definedName name="くぇ">[0]!くぇ</definedName>
    <definedName name="グランド照明" localSheetId="0">[29]内訳書!#REF!</definedName>
    <definedName name="グランド照明">[29]内訳書!#REF!</definedName>
    <definedName name="ｸﾚｰﾝ付ﾄﾗｯｸ運転2.9t" localSheetId="0">#REF!</definedName>
    <definedName name="ｸﾚｰﾝ付ﾄﾗｯｸ運転2.9t">#REF!</definedName>
    <definedName name="ｸﾛｽ集計範囲">#REF!</definedName>
    <definedName name="ケーブル電線類">#REF!</definedName>
    <definedName name="ｺｰﾄﾞ">'[45]H15年度4月-企業庁・県建設部単価表'!$A$5:$A$490</definedName>
    <definedName name="ｺﾝｸﾘｰﾄ混和剤" localSheetId="0">#REF!</definedName>
    <definedName name="ｺﾝｸﾘｰﾄ混和剤">#REF!</definedName>
    <definedName name="ｺﾝﾏ小数点">#REF!</definedName>
    <definedName name="さ" localSheetId="0" hidden="1">{#N/A,#N/A,FALSE,"電灯設備";#N/A,#N/A,FALSE,"電灯設備（１）";#N/A,#N/A,FALSE,"電灯設備（２）";#N/A,#N/A,FALSE,"電灯設備（３）";#N/A,#N/A,FALSE,"電灯設備（４）";#N/A,#N/A,FALSE,"電灯設備（５）";#N/A,#N/A,FALSE,"電灯設備（６）";#N/A,#N/A,FALSE,"動力設備";#N/A,#N/A,FALSE,"動力設備（１）";#N/A,#N/A,FALSE,"動力設備 (2)";#N/A,#N/A,FALSE,"動力設備 (3)";#N/A,#N/A,FALSE,"電話設備";#N/A,#N/A,FALSE,"電話設備(1)";#N/A,#N/A,FALSE,"電話設備(2)";#N/A,#N/A,FALSE,"拡声設備";#N/A,#N/A,FALSE,"拡声設備(1)";#N/A,#N/A,FALSE,"ｲﾝﾀｰﾎﾝ設備";#N/A,#N/A,FALSE,"ｲﾝﾀｰﾎﾝ設備(1)";#N/A,#N/A,FALSE,"ﾃﾚﾋﾞ共聴設備";#N/A,#N/A,FALSE,"ﾃﾚﾋﾞ共聴設備(1)";#N/A,#N/A,FALSE,"火災報知設備";#N/A,#N/A,FALSE,"火災報知設備(1)";#N/A,#N/A,FALSE,"火災報知設備(2)"}</definedName>
    <definedName name="さ">[53]!ピクチャ5_Click</definedName>
    <definedName name="さく岩工" localSheetId="0">#REF!</definedName>
    <definedName name="さく岩工">#REF!</definedName>
    <definedName name="ささＳ" localSheetId="0">#REF!</definedName>
    <definedName name="ささＳ">#REF!</definedName>
    <definedName name="さし" localSheetId="0">施工条件明示一覧表!さし</definedName>
    <definedName name="さし">[0]!さし</definedName>
    <definedName name="サッシ工" localSheetId="0">#REF!</definedName>
    <definedName name="サッシ工">#REF!</definedName>
    <definedName name="ｻﾄﾞﾙ分水栓φ150×φ20" localSheetId="0">#REF!</definedName>
    <definedName name="ｻﾄﾞﾙ分水栓φ150×φ20">#REF!</definedName>
    <definedName name="ｻﾄﾞﾙ分水栓φ150×φ25" localSheetId="0">#REF!</definedName>
    <definedName name="ｻﾄﾞﾙ分水栓φ150×φ25">#REF!</definedName>
    <definedName name="ｻﾄﾞﾙ分水栓φ150×φ40">#REF!</definedName>
    <definedName name="ｻﾄﾞﾙ分水栓φ75×φ20">#REF!</definedName>
    <definedName name="ｻﾝﾀﾞｰｽﾄｰﾝ">#REF!</definedName>
    <definedName name="じょ">'[3]#REF'!$U$1:$AK$2</definedName>
    <definedName name="ｽﾞｰﾑ">[6]仮設躯体!$A$2:$I$21</definedName>
    <definedName name="スコアボード比較" localSheetId="0">#REF!</definedName>
    <definedName name="スコアボード比較">#REF!</definedName>
    <definedName name="スタイル">#REF!</definedName>
    <definedName name="スタンション">[54]!Dialog3_ボタン2_Click</definedName>
    <definedName name="すてん溶接工" localSheetId="0">#REF!</definedName>
    <definedName name="すてん溶接工">#REF!</definedName>
    <definedName name="ｿｹｯﾄφ20" localSheetId="0">#REF!</definedName>
    <definedName name="ｿｹｯﾄφ20">#REF!</definedName>
    <definedName name="ｿｹｯﾄφ25">#REF!</definedName>
    <definedName name="ｿｹｯﾄφ25×φ20">#REF!</definedName>
    <definedName name="ｿｹｯﾄφ40">#REF!</definedName>
    <definedName name="その他" localSheetId="0" hidden="1">{"設定1",#N/A,FALSE,"第5号-1";"設定2",#N/A,FALSE,"第5号-1"}</definedName>
    <definedName name="その他">#REF!</definedName>
    <definedName name="その他器具">#REF!</definedName>
    <definedName name="た" localSheetId="0">施工条件明示一覧表!た</definedName>
    <definedName name="た">[0]!た</definedName>
    <definedName name="だいＫ" localSheetId="0">[55]表紙!#REF!</definedName>
    <definedName name="だいＫ">[55]表紙!#REF!</definedName>
    <definedName name="ﾀｲﾄﾙ行" localSheetId="0">#REF!</definedName>
    <definedName name="ﾀｲﾄﾙ行">#REF!</definedName>
    <definedName name="タイル" localSheetId="0" hidden="1">{"設定1",#N/A,FALSE,"第5号-1";"設定2",#N/A,FALSE,"第5号-1"}</definedName>
    <definedName name="タイル" hidden="1">{"設定1",#N/A,FALSE,"第5号-1";"設定2",#N/A,FALSE,"第5号-1"}</definedName>
    <definedName name="タイル１" localSheetId="0" hidden="1">{"設定1",#N/A,FALSE,"第5号-1";"設定2",#N/A,FALSE,"第5号-1"}</definedName>
    <definedName name="タイル１" hidden="1">{"設定1",#N/A,FALSE,"第5号-1";"設定2",#N/A,FALSE,"第5号-1"}</definedName>
    <definedName name="タイル工" localSheetId="0">#REF!</definedName>
    <definedName name="タイル工">#REF!</definedName>
    <definedName name="たか" localSheetId="0">#REF!</definedName>
    <definedName name="たか">#REF!</definedName>
    <definedName name="ダク" localSheetId="0">[56]明細!#REF!</definedName>
    <definedName name="ダク">[56]明細!#REF!</definedName>
    <definedName name="ダクタイル鋳鉄管" localSheetId="0">#REF!</definedName>
    <definedName name="ダクタイル鋳鉄管">#REF!</definedName>
    <definedName name="ダクト" localSheetId="0">[56]明細!#REF!</definedName>
    <definedName name="ダクト">[56]明細!#REF!</definedName>
    <definedName name="ダクト工" localSheetId="0">#REF!</definedName>
    <definedName name="ダクト工">#REF!</definedName>
    <definedName name="ﾀﾝﾊﾟｰ運転舗装用">#REF!</definedName>
    <definedName name="ﾀﾝﾊﾟｰ運転埋戻用">#REF!</definedName>
    <definedName name="ﾀﾝﾊﾟｰ運転路盤用">#REF!</definedName>
    <definedName name="ﾀﾞﾝﾌﾟﾄﾗｯｸ11t車">#REF!</definedName>
    <definedName name="ﾀﾞﾝﾌﾟﾄﾗｯｸ4t車">#REF!</definedName>
    <definedName name="ﾁｰｽﾞφ25×φ20">#REF!</definedName>
    <definedName name="ﾁｰｽﾞφ40×φ20">#REF!</definedName>
    <definedName name="っｄ">'[23]１ページ'!$F$8</definedName>
    <definedName name="っｆ">'[23]容計（ﾕﾆｯﾄ）'!$F$33</definedName>
    <definedName name="っｇ" localSheetId="0">'[23]３ページ'!#REF!</definedName>
    <definedName name="っｇ">'[23]３ページ'!#REF!</definedName>
    <definedName name="っｈ">'[23]１ページ'!$F$11</definedName>
    <definedName name="っｊ" localSheetId="0">'[23]３ページ'!#REF!</definedName>
    <definedName name="っｊ">'[23]３ページ'!#REF!</definedName>
    <definedName name="っｋ">'[23]１ページ'!$F$9</definedName>
    <definedName name="っｌ">'[23]３ページ'!$S$68</definedName>
    <definedName name="っｐ">'[23]３ページ'!$S$56</definedName>
    <definedName name="っｒ">'[23]３ページ'!$G$16</definedName>
    <definedName name="っｓ">'[23]１ページ'!$F$10</definedName>
    <definedName name="っｔ">'[23]３ページ'!$S$54</definedName>
    <definedName name="っｗ">'[23]３ページ'!$G$16</definedName>
    <definedName name="っｙ">'[23]２ページ'!$I$36</definedName>
    <definedName name="データ" localSheetId="0">#REF!</definedName>
    <definedName name="データ">#REF!</definedName>
    <definedName name="データ2" localSheetId="0">#REF!</definedName>
    <definedName name="データ2">#REF!</definedName>
    <definedName name="データー" localSheetId="0">#REF!</definedName>
    <definedName name="データー">#REF!</definedName>
    <definedName name="テスト" localSheetId="0">施工条件明示一覧表!テスト</definedName>
    <definedName name="テスト">[0]!テスト</definedName>
    <definedName name="テスト１" localSheetId="0">施工条件明示一覧表!テスト１</definedName>
    <definedName name="テスト１">[0]!テスト１</definedName>
    <definedName name="てすと１" localSheetId="0">施工条件明示一覧表!てすと１</definedName>
    <definedName name="てすと１">[0]!てすと１</definedName>
    <definedName name="テスト２" localSheetId="0">施工条件明示一覧表!テスト２</definedName>
    <definedName name="テスト２">[0]!テスト２</definedName>
    <definedName name="てすと２" localSheetId="0">施工条件明示一覧表!てすと２</definedName>
    <definedName name="てすと２">[0]!てすと２</definedName>
    <definedName name="テスト３" localSheetId="0">施工条件明示一覧表!テスト３</definedName>
    <definedName name="テスト３">[0]!テスト３</definedName>
    <definedName name="てすと３" localSheetId="0">施工条件明示一覧表!てすと３</definedName>
    <definedName name="てすと３">[0]!てすと３</definedName>
    <definedName name="テスト４" localSheetId="0">施工条件明示一覧表!テスト４</definedName>
    <definedName name="テスト４">[0]!テスト４</definedName>
    <definedName name="てすと８" localSheetId="0">施工条件明示一覧表!てすと８</definedName>
    <definedName name="てすと８">[0]!てすと８</definedName>
    <definedName name="てなにん">[57]!Dialog3_ボタン2_Click</definedName>
    <definedName name="テレビ" localSheetId="0">施工条件明示一覧表!テレビ</definedName>
    <definedName name="テレビ">[0]!テレビ</definedName>
    <definedName name="とび工" localSheetId="0">#REF!</definedName>
    <definedName name="とび工">#REF!</definedName>
    <definedName name="ﾄﾗｯｸ">'[3]#REF'!$K$1</definedName>
    <definedName name="ﾄﾗｯｸｸﾚｰﾝ運転4.8_4.9t" localSheetId="0">#REF!</definedName>
    <definedName name="ﾄﾗｯｸｸﾚｰﾝ運転4.8_4.9t">#REF!</definedName>
    <definedName name="ﾄﾗｯｸｸﾚｰﾝ賃料4.9t">#REF!</definedName>
    <definedName name="ﾄﾗｯｸ運転2t">#REF!</definedName>
    <definedName name="ﾄﾗｯｸ運転3_3.5t">#REF!</definedName>
    <definedName name="トンネル作業員">#REF!</definedName>
    <definedName name="トンネル世話役">#REF!</definedName>
    <definedName name="トンネル特殊工">#REF!</definedName>
    <definedName name="パターン1">#REF!</definedName>
    <definedName name="ﾊﾞｯｸﾎｳ0.1・">#REF!</definedName>
    <definedName name="ﾊﾞｯｸﾎｳ0.2">#REF!</definedName>
    <definedName name="ﾊﾞｯｸﾎｳ0.35">#REF!</definedName>
    <definedName name="ハツリ">#REF!</definedName>
    <definedName name="はつり工">#REF!</definedName>
    <definedName name="バルブ">#REF!</definedName>
    <definedName name="ﾊﾝﾄﾞﾎｰﾙ１">[3]愛駿寮公共下水道接続工事!#REF!</definedName>
    <definedName name="ﾊﾝﾄﾞﾎｰﾙ２" localSheetId="0">#REF!</definedName>
    <definedName name="ﾊﾝﾄﾞﾎｰﾙ２">#REF!</definedName>
    <definedName name="ﾊﾝﾄﾞﾎｰﾙ築造ｱｽﾌｧﾙﾄ有り直堀">[58]!Dialog3_ボタン2_Click</definedName>
    <definedName name="ピクチャ5_Click">[34]!ピクチャ5_Click</definedName>
    <definedName name="ﾋﾟｯﾄ築造">[58]!Dialog3_ボタン2_Click</definedName>
    <definedName name="ふ" localSheetId="0">#REF!</definedName>
    <definedName name="ふ">#REF!</definedName>
    <definedName name="プリカ50" localSheetId="0">[25]ｹｰﾌﾞﾙ計!#REF!</definedName>
    <definedName name="プリカ50">[26]ｹｰﾌﾞﾙ計!#REF!</definedName>
    <definedName name="フロック" localSheetId="0" hidden="1">{"設定1",#N/A,FALSE,"第5号-1";"設定2",#N/A,FALSE,"第5号-1"}</definedName>
    <definedName name="フロック" hidden="1">{"設定1",#N/A,FALSE,"第5号-1";"設定2",#N/A,FALSE,"第5号-1"}</definedName>
    <definedName name="フロック形成池" localSheetId="0" hidden="1">{"設定1",#N/A,FALSE,"第5号-1";"設定2",#N/A,FALSE,"第5号-1"}</definedName>
    <definedName name="フロック形成池" hidden="1">{"設定1",#N/A,FALSE,"第5号-1";"設定2",#N/A,FALSE,"第5号-1"}</definedName>
    <definedName name="ブロック工" localSheetId="0">#REF!</definedName>
    <definedName name="ブロック工">#REF!</definedName>
    <definedName name="ページ１" localSheetId="0">#REF!</definedName>
    <definedName name="ページ１">#REF!</definedName>
    <definedName name="ページ２" localSheetId="0">#REF!</definedName>
    <definedName name="ページ２">#REF!</definedName>
    <definedName name="ページ３">#REF!</definedName>
    <definedName name="ページ４">#REF!</definedName>
    <definedName name="ページ５">#REF!</definedName>
    <definedName name="ページ６">#REF!</definedName>
    <definedName name="ポンプ">[3]歩・屋!$W$5</definedName>
    <definedName name="ポンプB">[3]歩・屋!$W$5</definedName>
    <definedName name="ﾒｰｶｰﾘｽﾄ" localSheetId="0">[59]見積･重量!#REF!</definedName>
    <definedName name="ﾒｰｶｰﾘｽﾄ">[59]見積･重量!#REF!</definedName>
    <definedName name="ﾒｰﾀｰφ13" localSheetId="0">#REF!</definedName>
    <definedName name="ﾒｰﾀｰφ13">#REF!</definedName>
    <definedName name="ﾒｰﾀｰφ16" localSheetId="0">#REF!</definedName>
    <definedName name="ﾒｰﾀｰφ16">#REF!</definedName>
    <definedName name="ﾒｰﾀｰφ20" localSheetId="0">#REF!</definedName>
    <definedName name="ﾒｰﾀｰφ20">#REF!</definedName>
    <definedName name="ﾒｰﾀｰφ25">#REF!</definedName>
    <definedName name="ﾒｰﾀｰφ40">#REF!</definedName>
    <definedName name="ﾒｽｱﾀﾞﾌﾟﾀｰφ20">#REF!</definedName>
    <definedName name="ﾒｽｱﾀﾞﾌﾟﾀｰφ25">#REF!</definedName>
    <definedName name="ﾒｽｱﾀﾞﾌﾟﾀｰφ40">#REF!</definedName>
    <definedName name="ﾒﾆｭｰ">#REF!</definedName>
    <definedName name="モジュール数">[60]条件!$C$11</definedName>
    <definedName name="モジュール単価" localSheetId="0">#REF!</definedName>
    <definedName name="モジュール単価">#REF!</definedName>
    <definedName name="モタ" localSheetId="0">#REF!</definedName>
    <definedName name="モタ">#REF!</definedName>
    <definedName name="モルタ" localSheetId="0">#REF!</definedName>
    <definedName name="モルタ">#REF!</definedName>
    <definedName name="モルタル">#REF!</definedName>
    <definedName name="モルタル１２">#REF!</definedName>
    <definedName name="ユニット数">#REF!</definedName>
    <definedName name="ら" localSheetId="0">施工条件明示一覧表!ら</definedName>
    <definedName name="ら">[0]!ら</definedName>
    <definedName name="ﾛﾗｰ運転0.8_1.1t" localSheetId="0">#REF!</definedName>
    <definedName name="ﾛﾗｰ運転0.8_1.1t">#REF!</definedName>
    <definedName name="ﾛﾗｰ運転3.0_4.0t">#REF!</definedName>
    <definedName name="ん">[22]条件!$E$21</definedName>
    <definedName name="んｈ">'[23]１ページ'!$J$41</definedName>
    <definedName name="んｍ" localSheetId="0">施工条件明示一覧表!んｍ</definedName>
    <definedName name="んｍ">[0]!んｍ</definedName>
    <definedName name="安全" localSheetId="0">#REF!</definedName>
    <definedName name="安全">#REF!</definedName>
    <definedName name="按分">#REF!</definedName>
    <definedName name="異形管率">#REF!</definedName>
    <definedName name="移動">#REF!</definedName>
    <definedName name="維持管理委託費">#REF!</definedName>
    <definedName name="井戸水">#REF!</definedName>
    <definedName name="井水">[61]条件!$C$6</definedName>
    <definedName name="一" localSheetId="0">#REF!</definedName>
    <definedName name="一">#REF!</definedName>
    <definedName name="一位代価" localSheetId="0">#REF!</definedName>
    <definedName name="一位代価">#REF!</definedName>
    <definedName name="一般運転手">#REF!</definedName>
    <definedName name="一般労務費">#REF!</definedName>
    <definedName name="印刷">[62]!印刷</definedName>
    <definedName name="印刷05" localSheetId="0">#REF!</definedName>
    <definedName name="印刷05">#REF!</definedName>
    <definedName name="印刷1">#REF!</definedName>
    <definedName name="印刷10">#REF!</definedName>
    <definedName name="印刷2">#REF!</definedName>
    <definedName name="印刷20">#REF!</definedName>
    <definedName name="印刷3">#REF!</definedName>
    <definedName name="印刷30">#REF!</definedName>
    <definedName name="印刷4">#REF!</definedName>
    <definedName name="印刷40">#REF!</definedName>
    <definedName name="印刷50">#REF!</definedName>
    <definedName name="印刷7">#REF!</definedName>
    <definedName name="印刷8">#REF!</definedName>
    <definedName name="印刷EX">#REF!</definedName>
    <definedName name="印刷後" localSheetId="0">施工条件明示一覧表!印刷後</definedName>
    <definedName name="印刷後">[0]!印刷後</definedName>
    <definedName name="印刷範囲" localSheetId="0">#REF!</definedName>
    <definedName name="印刷範囲">#REF!</definedName>
    <definedName name="印刷表" localSheetId="0">[63]表紙!#REF!</definedName>
    <definedName name="印刷表">[63]表紙!#REF!</definedName>
    <definedName name="雨水濾過">[3]歩・屋!$W$8</definedName>
    <definedName name="運送費表示" localSheetId="0">#REF!</definedName>
    <definedName name="運送費表示">#REF!</definedName>
    <definedName name="運転時間" localSheetId="0">#REF!</definedName>
    <definedName name="運転時間">#REF!</definedName>
    <definedName name="運転手_一般" localSheetId="0">#REF!</definedName>
    <definedName name="運転手_一般">#REF!</definedName>
    <definedName name="運転手_特殊">#REF!</definedName>
    <definedName name="運転日数">#REF!</definedName>
    <definedName name="運搬">#REF!</definedName>
    <definedName name="営繕">#REF!</definedName>
    <definedName name="衛生器具">#REF!</definedName>
    <definedName name="汚水桝" localSheetId="0">[64]排水桝!#REF!</definedName>
    <definedName name="汚水桝">[65]排水桝!#REF!</definedName>
    <definedName name="横太線">#N/A</definedName>
    <definedName name="屋外ｶﾞｽ" localSheetId="0">#REF!</definedName>
    <definedName name="屋外ｶﾞｽ">#REF!</definedName>
    <definedName name="屋外給水" localSheetId="0">#REF!</definedName>
    <definedName name="屋外給水">#REF!</definedName>
    <definedName name="屋外排水" localSheetId="0">#REF!</definedName>
    <definedName name="屋外排水">#REF!</definedName>
    <definedName name="屋根">[6]外部!$A$1</definedName>
    <definedName name="屋根ふき工" localSheetId="0">#REF!</definedName>
    <definedName name="屋根ふき工">#REF!</definedName>
    <definedName name="屋内ｶﾞｽ" localSheetId="0">#REF!</definedName>
    <definedName name="屋内ｶﾞｽ">#REF!</definedName>
    <definedName name="屋内給水" localSheetId="0">#REF!</definedName>
    <definedName name="屋内給水">#REF!</definedName>
    <definedName name="屋内排水">#REF!</definedName>
    <definedName name="化粧鏡">#REF!</definedName>
    <definedName name="仮" localSheetId="0" hidden="1">#REF!</definedName>
    <definedName name="仮">[66]亜鉛鉄板!$AP$1</definedName>
    <definedName name="仮1" localSheetId="0" hidden="1">#REF!</definedName>
    <definedName name="仮1" hidden="1">#REF!</definedName>
    <definedName name="仮２" localSheetId="0" hidden="1">#REF!</definedName>
    <definedName name="仮２" hidden="1">#REF!</definedName>
    <definedName name="仮ＮＯ" localSheetId="0">#REF!</definedName>
    <definedName name="仮ＮＯ">#REF!</definedName>
    <definedName name="仮囲い" localSheetId="0">施工条件明示一覧表!仮囲い</definedName>
    <definedName name="仮囲い">[0]!仮囲い</definedName>
    <definedName name="仮囲い１" localSheetId="0">施工条件明示一覧表!仮囲い１</definedName>
    <definedName name="仮囲い１">[0]!仮囲い１</definedName>
    <definedName name="仮囲い２" localSheetId="0">施工条件明示一覧表!仮囲い２</definedName>
    <definedName name="仮囲い２">[0]!仮囲い２</definedName>
    <definedName name="仮囲い３" localSheetId="0">施工条件明示一覧表!仮囲い３</definedName>
    <definedName name="仮囲い３">[0]!仮囲い３</definedName>
    <definedName name="仮囲い４" localSheetId="0">施工条件明示一覧表!仮囲い４</definedName>
    <definedName name="仮囲い４">[0]!仮囲い４</definedName>
    <definedName name="仮囲い５" localSheetId="0">施工条件明示一覧表!仮囲い５</definedName>
    <definedName name="仮囲い５">[0]!仮囲い５</definedName>
    <definedName name="仮設" localSheetId="0">#REF!</definedName>
    <definedName name="仮設">#REF!</definedName>
    <definedName name="仮設1" localSheetId="0">施工条件明示一覧表!仮設1</definedName>
    <definedName name="仮設1">[0]!仮設1</definedName>
    <definedName name="仮設給水" localSheetId="0">施工条件明示一覧表!仮設給水</definedName>
    <definedName name="仮設給水">[0]!仮設給水</definedName>
    <definedName name="仮設給水管資材" localSheetId="0" hidden="1">{"設定1",#N/A,FALSE,"第5号-1";"設定2",#N/A,FALSE,"第5号-1"}</definedName>
    <definedName name="仮設給水管資材" hidden="1">{"設定1",#N/A,FALSE,"第5号-1";"設定2",#N/A,FALSE,"第5号-1"}</definedName>
    <definedName name="仮設給水労務" localSheetId="0">施工条件明示一覧表!仮設給水労務</definedName>
    <definedName name="仮設給水労務">[0]!仮設給水労務</definedName>
    <definedName name="仮設配水管労務" localSheetId="0" hidden="1">{"設定1",#N/A,FALSE,"第5号-1";"設定2",#N/A,FALSE,"第5号-1"}</definedName>
    <definedName name="仮設配水管労務" hidden="1">{"設定1",#N/A,FALSE,"第5号-1";"設定2",#N/A,FALSE,"第5号-1"}</definedName>
    <definedName name="河川水" localSheetId="0">#REF!</definedName>
    <definedName name="河川水">#REF!</definedName>
    <definedName name="稼働時間" localSheetId="0">#REF!</definedName>
    <definedName name="稼働時間">#REF!</definedName>
    <definedName name="解析単位重量" localSheetId="0">#REF!</definedName>
    <definedName name="解析単位重量">#REF!</definedName>
    <definedName name="回収率">[60]条件!$C$14</definedName>
    <definedName name="開口">[58]!Dialog3_ボタン2_Click</definedName>
    <definedName name="開始頁" localSheetId="0">[63]表紙!#REF!</definedName>
    <definedName name="開始頁">[63]表紙!#REF!</definedName>
    <definedName name="外構">[6]外構!$A$1</definedName>
    <definedName name="外部給排" localSheetId="0">#REF!</definedName>
    <definedName name="外部給排">#REF!</definedName>
    <definedName name="外部建具">[6]外部!$A$193</definedName>
    <definedName name="確認0" localSheetId="0">#REF!</definedName>
    <definedName name="確認0">#REF!</definedName>
    <definedName name="換気" localSheetId="0">#REF!</definedName>
    <definedName name="換気">#REF!</definedName>
    <definedName name="環境">#REF!</definedName>
    <definedName name="環境対策区分">#REF!</definedName>
    <definedName name="環境対策区分1">#REF!</definedName>
    <definedName name="管渠土工計算書">#REF!</definedName>
    <definedName name="管理" localSheetId="0" hidden="1">{"設定1",#N/A,FALSE,"第5号-1";"設定2",#N/A,FALSE,"第5号-1"}</definedName>
    <definedName name="管理" hidden="1">{"設定1",#N/A,FALSE,"第5号-1";"設定2",#N/A,FALSE,"第5号-1"}</definedName>
    <definedName name="管理棟" localSheetId="0" hidden="1">{"設定1",#N/A,FALSE,"第5号-1";"設定2",#N/A,FALSE,"第5号-1"}</definedName>
    <definedName name="管理棟" hidden="1">{"設定1",#N/A,FALSE,"第5号-1";"設定2",#N/A,FALSE,"第5号-1"}</definedName>
    <definedName name="管理棟配線" localSheetId="0" hidden="1">{"設定1",#N/A,FALSE,"第5号-1";"設定2",#N/A,FALSE,"第5号-1"}</definedName>
    <definedName name="管理棟配線" hidden="1">{"設定1",#N/A,FALSE,"第5号-1";"設定2",#N/A,FALSE,"第5号-1"}</definedName>
    <definedName name="管理棟配線材料" localSheetId="0" hidden="1">{"設定1",#N/A,FALSE,"第5号-1";"設定2",#N/A,FALSE,"第5号-1"}</definedName>
    <definedName name="管理棟配線材料" hidden="1">{"設定1",#N/A,FALSE,"第5号-1";"設定2",#N/A,FALSE,"第5号-1"}</definedName>
    <definedName name="貫通部" localSheetId="0">#REF!</definedName>
    <definedName name="貫通部">#REF!</definedName>
    <definedName name="器" localSheetId="0">#REF!</definedName>
    <definedName name="器">#REF!</definedName>
    <definedName name="基礎工" localSheetId="0">#REF!</definedName>
    <definedName name="基礎工">#REF!</definedName>
    <definedName name="既存校舎" localSheetId="0">[29]内訳書!#REF!</definedName>
    <definedName name="既存校舎">[29]内訳書!#REF!</definedName>
    <definedName name="機械一般率表" localSheetId="0">#REF!</definedName>
    <definedName name="機械一般率表">#REF!</definedName>
    <definedName name="機械仮設改率表" localSheetId="0">#REF!</definedName>
    <definedName name="機械仮設改率表">#REF!</definedName>
    <definedName name="機械仮設新率表" localSheetId="0">#REF!</definedName>
    <definedName name="機械仮設新率表">#REF!</definedName>
    <definedName name="機械現場改率表">#REF!</definedName>
    <definedName name="機械現場新率表">#REF!</definedName>
    <definedName name="機械設備据付工">#REF!</definedName>
    <definedName name="機械内訳書" localSheetId="0" hidden="1">{"設定1",#N/A,FALSE,"第5号-1";"設定2",#N/A,FALSE,"第5号-1"}</definedName>
    <definedName name="機械内訳書" hidden="1">{"設定1",#N/A,FALSE,"第5号-1";"設定2",#N/A,FALSE,"第5号-1"}</definedName>
    <definedName name="機器名称">[67]機器等据付工!$B$8:$B$41,[67]機器等据付工!$B$65,[67]機器等据付工!$B$65:$B$98</definedName>
    <definedName name="機器名称２" localSheetId="0">[44]機器等据付工!#REF!</definedName>
    <definedName name="機器名称２">[44]機器等据付工!#REF!</definedName>
    <definedName name="記号" localSheetId="0">[68]表紙!#REF!</definedName>
    <definedName name="記号">[68]表紙!#REF!</definedName>
    <definedName name="記号3" localSheetId="0">[69]搬入据付様式!#REF!</definedName>
    <definedName name="記号3">[69]搬入据付様式!#REF!</definedName>
    <definedName name="記号4">[69]搬入据付様式!#REF!</definedName>
    <definedName name="記号5">[69]搬入据付様式!#REF!</definedName>
    <definedName name="記号6">[69]搬入据付様式!#REF!</definedName>
    <definedName name="軌道工" localSheetId="0">#REF!</definedName>
    <definedName name="軌道工">#REF!</definedName>
    <definedName name="鬼崎1" localSheetId="0">#REF!</definedName>
    <definedName name="鬼崎1">#REF!</definedName>
    <definedName name="技師_Ａ" localSheetId="0">#REF!</definedName>
    <definedName name="技師_Ａ">#REF!</definedName>
    <definedName name="技師_Ｂ">#REF!</definedName>
    <definedName name="技師_Ｃ">#REF!</definedName>
    <definedName name="技師Ａ">#REF!</definedName>
    <definedName name="技師Ｂ">#REF!</definedName>
    <definedName name="技術">#REF!</definedName>
    <definedName name="技術員">#REF!</definedName>
    <definedName name="技術者Ａ">#REF!</definedName>
    <definedName name="技術者Ｂ">#REF!</definedName>
    <definedName name="客土データ">#REF!</definedName>
    <definedName name="逆洗回数">[60]条件!$E$21</definedName>
    <definedName name="逆洗時間">[60]条件!$C$22</definedName>
    <definedName name="逆洗次亜費" localSheetId="0">#REF!</definedName>
    <definedName name="逆洗次亜費">#REF!</definedName>
    <definedName name="逆洗水率">[60]条件!$C$16</definedName>
    <definedName name="逆洗水量">[60]条件!$C$18</definedName>
    <definedName name="逆洗頻度">[60]条件!$C$21</definedName>
    <definedName name="逆洗分割数" localSheetId="0">#REF!</definedName>
    <definedName name="逆洗分割数">#REF!</definedName>
    <definedName name="吸出防止材" localSheetId="0">[70]明細書!#REF!</definedName>
    <definedName name="吸出防止材">[70]明細書!#REF!</definedName>
    <definedName name="給水PS" localSheetId="0">#REF!</definedName>
    <definedName name="給水PS">#REF!</definedName>
    <definedName name="給水労務2" localSheetId="0" hidden="1">{"設定1",#N/A,FALSE,"第5号-1";"設定2",#N/A,FALSE,"第5号-1"}</definedName>
    <definedName name="給水労務2" hidden="1">{"設定1",#N/A,FALSE,"第5号-1";"設定2",#N/A,FALSE,"第5号-1"}</definedName>
    <definedName name="給湯" localSheetId="0">#REF!</definedName>
    <definedName name="給湯">#REF!</definedName>
    <definedName name="給排" localSheetId="0">#REF!</definedName>
    <definedName name="給排">#REF!</definedName>
    <definedName name="給排2" localSheetId="0">#REF!</definedName>
    <definedName name="給排2">#REF!</definedName>
    <definedName name="給排水表紙">#REF!</definedName>
    <definedName name="共">#REF!</definedName>
    <definedName name="共仮">#REF!</definedName>
    <definedName name="共通">[6]仮設躯体!#REF!</definedName>
    <definedName name="橋梁世話役" localSheetId="0">#REF!</definedName>
    <definedName name="橋梁世話役">#REF!</definedName>
    <definedName name="橋梁塗装工" localSheetId="0">#REF!</definedName>
    <definedName name="橋梁塗装工">#REF!</definedName>
    <definedName name="橋梁特殊工" localSheetId="0">#REF!</definedName>
    <definedName name="橋梁特殊工">#REF!</definedName>
    <definedName name="業印">#REF!</definedName>
    <definedName name="金額">#REF!</definedName>
    <definedName name="金入り設計書">#REF!</definedName>
    <definedName name="金入設定">[24]表紙!#REF!</definedName>
    <definedName name="金抜き設計書" localSheetId="0">#REF!</definedName>
    <definedName name="金抜き設計書">#REF!</definedName>
    <definedName name="金抜設定">[63]表紙!#REF!</definedName>
    <definedName name="躯体">[6]仮設躯体!$A$182</definedName>
    <definedName name="掘削">[50]表紙!#REF!</definedName>
    <definedName name="掘削梁">[50]表紙!#REF!</definedName>
    <definedName name="桑名市多度町" localSheetId="0">#REF!</definedName>
    <definedName name="桑名市多度町">#REF!</definedName>
    <definedName name="型わく工" localSheetId="0">#REF!</definedName>
    <definedName name="型わく工">#REF!</definedName>
    <definedName name="型枠_小型">#REF!</definedName>
    <definedName name="型枠_小型Ⅱ">#REF!</definedName>
    <definedName name="型枠_鉄筋">#REF!</definedName>
    <definedName name="型枠_無筋">#REF!</definedName>
    <definedName name="型枠工">#REF!</definedName>
    <definedName name="形状寸法">#REF!</definedName>
    <definedName name="系列数">[60]条件!$C$8</definedName>
    <definedName name="経費">[3]歩・屋!$W$3</definedName>
    <definedName name="経費率" localSheetId="0">#REF!</definedName>
    <definedName name="経費率">#REF!</definedName>
    <definedName name="継続" localSheetId="0">#REF!</definedName>
    <definedName name="継続">#REF!</definedName>
    <definedName name="罫非表示" localSheetId="0">#REF!</definedName>
    <definedName name="罫非表示">#REF!</definedName>
    <definedName name="罫表示">#REF!</definedName>
    <definedName name="計">#REF!</definedName>
    <definedName name="計画浄水量">#REF!</definedName>
    <definedName name="計画膜ろ過水量">[60]条件!$C$17</definedName>
    <definedName name="計画膜ろ過流束">[60]条件!$C$5</definedName>
    <definedName name="計算書" localSheetId="0">#REF!</definedName>
    <definedName name="計算書">#REF!</definedName>
    <definedName name="計装" localSheetId="0" hidden="1">{"設定1",#N/A,FALSE,"第5号-1";"設定2",#N/A,FALSE,"第5号-1"}</definedName>
    <definedName name="計装" hidden="1">{"設定1",#N/A,FALSE,"第5号-1";"設定2",#N/A,FALSE,"第5号-1"}</definedName>
    <definedName name="軽作業員" localSheetId="0">#REF!</definedName>
    <definedName name="軽作業員">#REF!</definedName>
    <definedName name="軽油">#REF!</definedName>
    <definedName name="軽油陸上用">#REF!</definedName>
    <definedName name="桁">#REF!</definedName>
    <definedName name="月_1日">#REF!</definedName>
    <definedName name="件" localSheetId="0">施工条件明示一覧表!件</definedName>
    <definedName name="件">[0]!件</definedName>
    <definedName name="建具工" localSheetId="0">#REF!</definedName>
    <definedName name="建具工">#REF!</definedName>
    <definedName name="建築">[6]内訳!$A$42</definedName>
    <definedName name="建築ﾌﾞﾛｯｸ工" localSheetId="0">#REF!</definedName>
    <definedName name="建築ﾌﾞﾛｯｸ工">#REF!</definedName>
    <definedName name="建築一般率表" localSheetId="0">#REF!</definedName>
    <definedName name="建築一般率表">#REF!</definedName>
    <definedName name="建築現場改率表" localSheetId="0">#REF!</definedName>
    <definedName name="建築現場改率表">#REF!</definedName>
    <definedName name="建築現場新率表">#REF!</definedName>
    <definedName name="建築工事">#REF!</definedName>
    <definedName name="県名">#REF!</definedName>
    <definedName name="見積空調">'[71]代価表 '!#REF!</definedName>
    <definedName name="見積比較換気">'[72]代価表 '!$Z$2</definedName>
    <definedName name="見積比較表">'[73]代価表 '!$Z$2</definedName>
    <definedName name="見比衛生2" localSheetId="0">'[74]代価表 '!#REF!</definedName>
    <definedName name="見比衛生2">'[74]代価表 '!#REF!</definedName>
    <definedName name="原価" localSheetId="0">#REF!</definedName>
    <definedName name="原価">#REF!</definedName>
    <definedName name="原水量" localSheetId="0">#REF!</definedName>
    <definedName name="原水量">#REF!</definedName>
    <definedName name="現">#REF!</definedName>
    <definedName name="現管">#REF!</definedName>
    <definedName name="現場管理費">#REF!</definedName>
    <definedName name="呼出">#N/A</definedName>
    <definedName name="交通整理員" localSheetId="0">#REF!</definedName>
    <definedName name="交通整理員">#REF!</definedName>
    <definedName name="工事カ所名">[75]設計書入力!$DT$23:$DU$700</definedName>
    <definedName name="工事件名">[76]工事総括!$C$3</definedName>
    <definedName name="工事明細" localSheetId="0">#REF!</definedName>
    <definedName name="工事明細">#REF!</definedName>
    <definedName name="工種区分">#REF!</definedName>
    <definedName name="工場派遣労務費">#REF!</definedName>
    <definedName name="甲形止水栓φ20">#REF!</definedName>
    <definedName name="甲形止水栓φ25">#REF!</definedName>
    <definedName name="甲形止水栓φ40">#REF!</definedName>
    <definedName name="行削除">#REF!</definedName>
    <definedName name="行数">#REF!</definedName>
    <definedName name="行数18">#N/A</definedName>
    <definedName name="行挿入" localSheetId="0">#REF!</definedName>
    <definedName name="行挿入">#REF!</definedName>
    <definedName name="鋼管" localSheetId="0">#REF!</definedName>
    <definedName name="鋼管">#REF!</definedName>
    <definedName name="鋼管φ20" localSheetId="0">#REF!</definedName>
    <definedName name="鋼管φ20">#REF!</definedName>
    <definedName name="鋼管φ25">#REF!</definedName>
    <definedName name="鋼管φ40">#REF!</definedName>
    <definedName name="鋼製加工品">#REF!</definedName>
    <definedName name="鋼製架台">#REF!</definedName>
    <definedName name="高さ1">#REF!</definedName>
    <definedName name="高級船員">#REF!</definedName>
    <definedName name="根拠設定">[63]表紙!#REF!</definedName>
    <definedName name="根拠範囲">[3]歩・屋!$B$3:$AD$372</definedName>
    <definedName name="左官" localSheetId="0">#REF!</definedName>
    <definedName name="左官">#REF!</definedName>
    <definedName name="査定率" localSheetId="0">#REF!</definedName>
    <definedName name="査定率">#REF!</definedName>
    <definedName name="査定率表" localSheetId="0">[59]見積･重量!#REF!</definedName>
    <definedName name="査定率表">[59]見積･重量!#REF!</definedName>
    <definedName name="最大給水量" localSheetId="0">#REF!</definedName>
    <definedName name="最大給水量">#REF!</definedName>
    <definedName name="砕石" localSheetId="0">[77]一位代価表!$F$147</definedName>
    <definedName name="砕石">[77]一位代価表!$F$147</definedName>
    <definedName name="細粒度AS" localSheetId="0">#REF!</definedName>
    <definedName name="細粒度AS">#REF!</definedName>
    <definedName name="材質">#REF!</definedName>
    <definedName name="材種">[78]鉄骨DATA!$A$2:$A$10</definedName>
    <definedName name="材料形状" localSheetId="0">#REF!</definedName>
    <definedName name="材料形状">#REF!</definedName>
    <definedName name="削除" localSheetId="0">#REF!</definedName>
    <definedName name="削除">#REF!</definedName>
    <definedName name="撮影士" localSheetId="0">#REF!</definedName>
    <definedName name="撮影士">#REF!</definedName>
    <definedName name="撮影助手">#REF!</definedName>
    <definedName name="雑材率">#REF!</definedName>
    <definedName name="山砂">#REF!</definedName>
    <definedName name="山林砂防工">#REF!</definedName>
    <definedName name="酸素">#REF!</definedName>
    <definedName name="残土自由処分">#REF!</definedName>
    <definedName name="使用量">#REF!</definedName>
    <definedName name="施工区分">#REF!</definedName>
    <definedName name="施工地域">#REF!</definedName>
    <definedName name="試運転費">#REF!</definedName>
    <definedName name="寺井２" localSheetId="0" hidden="1">{"設定1",#N/A,FALSE,"第5号-1";"設定2",#N/A,FALSE,"第5号-1"}</definedName>
    <definedName name="寺井２" hidden="1">{"設定1",#N/A,FALSE,"第5号-1";"設定2",#N/A,FALSE,"第5号-1"}</definedName>
    <definedName name="次亜逆洗費" localSheetId="0">#REF!</definedName>
    <definedName name="次亜逆洗費">#REF!</definedName>
    <definedName name="次亜消毒費" localSheetId="0">#REF!</definedName>
    <definedName name="次亜消毒費">#REF!</definedName>
    <definedName name="次亜単価" localSheetId="0">#REF!</definedName>
    <definedName name="次亜単価">#REF!</definedName>
    <definedName name="自家発">[79]!Dialog3_ボタン2_Click</definedName>
    <definedName name="室内">[6]内訳!$A$249</definedName>
    <definedName name="実行" localSheetId="0">#REF!</definedName>
    <definedName name="実行">#REF!</definedName>
    <definedName name="主任技師" localSheetId="0">#REF!</definedName>
    <definedName name="主任技師">#REF!</definedName>
    <definedName name="主任技術者" localSheetId="0">#REF!</definedName>
    <definedName name="主任技術者">#REF!</definedName>
    <definedName name="主任地質調査員">#REF!</definedName>
    <definedName name="種別">[59]見積･重量!#REF!</definedName>
    <definedName name="修正">[24]表紙!#REF!</definedName>
    <definedName name="修正1">[24]表紙!#REF!</definedName>
    <definedName name="修正2">[24]表紙!#REF!</definedName>
    <definedName name="修正3">[24]表紙!#REF!</definedName>
    <definedName name="修正4">[24]表紙!#REF!</definedName>
    <definedName name="修正5">[63]表紙!#REF!</definedName>
    <definedName name="修正6">[63]表紙!#REF!</definedName>
    <definedName name="修正年月">[80]目次!$B$2</definedName>
    <definedName name="終了">#N/A</definedName>
    <definedName name="出力" localSheetId="0">#REF!</definedName>
    <definedName name="出力">#REF!</definedName>
    <definedName name="出力２">'[3]#REF'!$U$5:$AK$5</definedName>
    <definedName name="準備" localSheetId="0">#REF!</definedName>
    <definedName name="準備">#REF!</definedName>
    <definedName name="純元">#REF!</definedName>
    <definedName name="純工">#REF!</definedName>
    <definedName name="処分費" localSheetId="0">施工条件明示一覧表!処分費</definedName>
    <definedName name="処分費">[0]!処分費</definedName>
    <definedName name="処分費１" localSheetId="0">施工条件明示一覧表!処分費１</definedName>
    <definedName name="処分費１">[0]!処分費１</definedName>
    <definedName name="処分費２" localSheetId="0">施工条件明示一覧表!処分費２</definedName>
    <definedName name="処分費２">[0]!処分費２</definedName>
    <definedName name="処分費３" localSheetId="0">施工条件明示一覧表!処分費３</definedName>
    <definedName name="処分費３">[0]!処分費３</definedName>
    <definedName name="処理水量" localSheetId="0">#REF!</definedName>
    <definedName name="処理水量">#REF!</definedName>
    <definedName name="小計">[75]設計書入力!$FD$21:$GH$23</definedName>
    <definedName name="小松経費" localSheetId="0" hidden="1">#REF!</definedName>
    <definedName name="小松経費" hidden="1">#REF!</definedName>
    <definedName name="小配管" localSheetId="0">#REF!</definedName>
    <definedName name="小配管">#REF!</definedName>
    <definedName name="小配管弁類" localSheetId="0">#REF!</definedName>
    <definedName name="小配管弁類">#REF!</definedName>
    <definedName name="小便器">#REF!</definedName>
    <definedName name="松阪市">#REF!</definedName>
    <definedName name="消毒次亜費">#REF!</definedName>
    <definedName name="消毒費">#REF!</definedName>
    <definedName name="照明" localSheetId="0" hidden="1">{"設定1",#N/A,FALSE,"第5号-1";"設定2",#N/A,FALSE,"第5号-1"}</definedName>
    <definedName name="照明" hidden="1">{"設定1",#N/A,FALSE,"第5号-1";"設定2",#N/A,FALSE,"第5号-1"}</definedName>
    <definedName name="照明器具_K201" localSheetId="0">#REF!</definedName>
    <definedName name="照明器具_K201">#REF!</definedName>
    <definedName name="省略単価" localSheetId="0">#REF!</definedName>
    <definedName name="省略単価">#REF!</definedName>
    <definedName name="条件" localSheetId="0">#REF!</definedName>
    <definedName name="条件">#REF!</definedName>
    <definedName name="条件１">#REF!</definedName>
    <definedName name="条件２">#REF!</definedName>
    <definedName name="条件３">#REF!</definedName>
    <definedName name="条件４">#REF!</definedName>
    <definedName name="条件５">#REF!</definedName>
    <definedName name="条件６">#REF!</definedName>
    <definedName name="浄化槽">#REF!</definedName>
    <definedName name="伸縮止水栓φ20">#REF!</definedName>
    <definedName name="伸縮止水栓φ20×φ13">#REF!</definedName>
    <definedName name="伸縮止水栓φ20×φ16">#REF!</definedName>
    <definedName name="伸縮止水栓φ25">#REF!</definedName>
    <definedName name="伸縮止水栓φ40">#REF!</definedName>
    <definedName name="新設・撤去・再用区分">#REF!</definedName>
    <definedName name="人件費">#REF!</definedName>
    <definedName name="人工集計表">#REF!</definedName>
    <definedName name="人力床堀">#REF!</definedName>
    <definedName name="人力埋戻工">#REF!</definedName>
    <definedName name="人力埋戻工ﾀﾝﾊﾟｰ">#REF!</definedName>
    <definedName name="水槽_FRP">[3]歩・屋!$W$6</definedName>
    <definedName name="水槽_鉄">[3]歩・屋!$W$7</definedName>
    <definedName name="水中ポンプ" localSheetId="0">[77]一位代価表!$F$223</definedName>
    <definedName name="水中ポンプ">[77]一位代価表!$F$223</definedName>
    <definedName name="数値" localSheetId="0">#REF!</definedName>
    <definedName name="数値">#REF!</definedName>
    <definedName name="数値コピー" localSheetId="0">#REF!</definedName>
    <definedName name="数値コピー">#REF!</definedName>
    <definedName name="数量" localSheetId="0">#REF!</definedName>
    <definedName name="数量">#REF!</definedName>
    <definedName name="数量1">#REF!</definedName>
    <definedName name="据付" localSheetId="0" hidden="1">{"設定1",#N/A,FALSE,"第5号-1";"設定2",#N/A,FALSE,"第5号-1"}</definedName>
    <definedName name="据付" hidden="1">{"設定1",#N/A,FALSE,"第5号-1";"設定2",#N/A,FALSE,"第5号-1"}</definedName>
    <definedName name="据付2" localSheetId="0" hidden="1">{"設定1",#N/A,FALSE,"第5号-1";"設定2",#N/A,FALSE,"第5号-1"}</definedName>
    <definedName name="据付2" hidden="1">{"設定1",#N/A,FALSE,"第5号-1";"設定2",#N/A,FALSE,"第5号-1"}</definedName>
    <definedName name="据付3" localSheetId="0" hidden="1">{"設定1",#N/A,FALSE,"第5号-1";"設定2",#N/A,FALSE,"第5号-1"}</definedName>
    <definedName name="据付3" hidden="1">{"設定1",#N/A,FALSE,"第5号-1";"設定2",#N/A,FALSE,"第5号-1"}</definedName>
    <definedName name="据付4" localSheetId="0" hidden="1">{"設定1",#N/A,FALSE,"第5号-1";"設定2",#N/A,FALSE,"第5号-1"}</definedName>
    <definedName name="据付4" hidden="1">{"設定1",#N/A,FALSE,"第5号-1";"設定2",#N/A,FALSE,"第5号-1"}</definedName>
    <definedName name="据付5" localSheetId="0" hidden="1">{"設定1",#N/A,FALSE,"第5号-1";"設定2",#N/A,FALSE,"第5号-1"}</definedName>
    <definedName name="据付5" hidden="1">{"設定1",#N/A,FALSE,"第5号-1";"設定2",#N/A,FALSE,"第5号-1"}</definedName>
    <definedName name="据付6" localSheetId="0" hidden="1">{"設定1",#N/A,FALSE,"第5号-1";"設定2",#N/A,FALSE,"第5号-1"}</definedName>
    <definedName name="据付6" hidden="1">{"設定1",#N/A,FALSE,"第5号-1";"設定2",#N/A,FALSE,"第5号-1"}</definedName>
    <definedName name="整備士" localSheetId="0">#REF!</definedName>
    <definedName name="整備士">#REF!</definedName>
    <definedName name="生コンFｰ160">#REF!</definedName>
    <definedName name="生コンFｰ210">#REF!</definedName>
    <definedName name="請負額算定">[81]!印刷</definedName>
    <definedName name="石工" localSheetId="0">#REF!</definedName>
    <definedName name="石工">#REF!</definedName>
    <definedName name="切込砕石Cｰ30">#REF!</definedName>
    <definedName name="切込砕石Cｰ40">#REF!</definedName>
    <definedName name="切込砕石Cｰ80">#REF!</definedName>
    <definedName name="接合材料率">#REF!</definedName>
    <definedName name="設計">[68]表紙!#REF!</definedName>
    <definedName name="設計技術員" localSheetId="0">#REF!</definedName>
    <definedName name="設計技術員">#REF!</definedName>
    <definedName name="設計書2" localSheetId="0">施工条件明示一覧表!設計書2</definedName>
    <definedName name="設計書2">[0]!設計書2</definedName>
    <definedName name="設計書表紙金入" localSheetId="0">#REF!</definedName>
    <definedName name="設計書表紙金入">#REF!</definedName>
    <definedName name="設計書表紙金抜" localSheetId="0">#REF!</definedName>
    <definedName name="設計書表紙金抜">#REF!</definedName>
    <definedName name="設計書表紙金抜２">[82]設計書!$AN$63:$AX$86</definedName>
    <definedName name="設備機械工" localSheetId="0">#REF!</definedName>
    <definedName name="設備機械工">#REF!</definedName>
    <definedName name="設備名称1" localSheetId="0">#REF!</definedName>
    <definedName name="設備名称1">#REF!</definedName>
    <definedName name="洗面器" localSheetId="0">#REF!</definedName>
    <definedName name="洗面器">#REF!</definedName>
    <definedName name="潜かん工">#REF!</definedName>
    <definedName name="潜かん世話役">#REF!</definedName>
    <definedName name="潜水士">#REF!</definedName>
    <definedName name="潜水世話役">#REF!</definedName>
    <definedName name="潜水送気員">#REF!</definedName>
    <definedName name="潜水連絡員">#REF!</definedName>
    <definedName name="船団長">#REF!</definedName>
    <definedName name="前払金割合">#REF!</definedName>
    <definedName name="全体内訳書" localSheetId="0" hidden="1">{"設定1",#N/A,FALSE,"第5号-1";"設定2",#N/A,FALSE,"第5号-1"}</definedName>
    <definedName name="全体内訳書" hidden="1">{"設定1",#N/A,FALSE,"第5号-1";"設定2",#N/A,FALSE,"第5号-1"}</definedName>
    <definedName name="全頁印刷">[24]表紙!#REF!</definedName>
    <definedName name="粗粒AS" localSheetId="0">#REF!</definedName>
    <definedName name="粗粒AS">#REF!</definedName>
    <definedName name="組合せ試験費">#REF!</definedName>
    <definedName name="創">#REF!</definedName>
    <definedName name="操縦士">#REF!</definedName>
    <definedName name="総括">[6]内訳!$A$1</definedName>
    <definedName name="送付" localSheetId="0" hidden="1">{"設定1",#N/A,FALSE,"第5号-1";"設定2",#N/A,FALSE,"第5号-1"}</definedName>
    <definedName name="送付" hidden="1">{"設定1",#N/A,FALSE,"第5号-1";"設定2",#N/A,FALSE,"第5号-1"}</definedName>
    <definedName name="送付1" localSheetId="0" hidden="1">{"設定1",#N/A,FALSE,"第5号-1";"設定2",#N/A,FALSE,"第5号-1"}</definedName>
    <definedName name="送付1" hidden="1">{"設定1",#N/A,FALSE,"第5号-1";"設定2",#N/A,FALSE,"第5号-1"}</definedName>
    <definedName name="造園工" localSheetId="0">#REF!</definedName>
    <definedName name="造園工">#REF!</definedName>
    <definedName name="測量技師" localSheetId="0">#REF!</definedName>
    <definedName name="測量技師">#REF!</definedName>
    <definedName name="測量技師補" localSheetId="0">#REF!</definedName>
    <definedName name="測量技師補">#REF!</definedName>
    <definedName name="測量主任技師">#REF!</definedName>
    <definedName name="測量助手">#REF!</definedName>
    <definedName name="測量上級主任技師">#REF!</definedName>
    <definedName name="続">#REF!</definedName>
    <definedName name="多度">#REF!</definedName>
    <definedName name="多度内訳書その２">#REF!</definedName>
    <definedName name="太罫線">#REF!</definedName>
    <definedName name="耐震水槽">[3]歩・屋!$W$11</definedName>
    <definedName name="代価" localSheetId="0">施工条件明示一覧表!代価</definedName>
    <definedName name="代価">[0]!代価</definedName>
    <definedName name="代価一覧PRINT" localSheetId="0">#REF!</definedName>
    <definedName name="代価一覧PRINT">#REF!</definedName>
    <definedName name="代価一覧表PRINT" localSheetId="0">#REF!</definedName>
    <definedName name="代価一覧表PRINT">#REF!</definedName>
    <definedName name="代価根拠範囲">[3]歩・屋!$B$3:$AD$362</definedName>
    <definedName name="代価電気">[83]一位代価!$A:$IV</definedName>
    <definedName name="代価表" localSheetId="0">#REF!</definedName>
    <definedName name="代価表">#REF!</definedName>
    <definedName name="代価表Ａ" localSheetId="0"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代価表Ａ" hidden="1">{#N/A,#N/A,FALSE,"AM-61";#N/A,#N/A,FALSE,"AM-62";#N/A,#N/A,FALSE,"AM-63";#N/A,#N/A,FALSE,"AM-64";#N/A,#N/A,FALSE,"AM-65";#N/A,#N/A,FALSE,"AM-66";#N/A,#N/A,FALSE,"AM-67";#N/A,#N/A,FALSE,"AM-68";#N/A,#N/A,FALSE,"AM-69";#N/A,#N/A,FALSE,"AM-70";#N/A,#N/A,FALSE,"AM-71";#N/A,#N/A,FALSE,"AM-72";#N/A,#N/A,FALSE,"AM-73";#N/A,#N/A,FALSE,"AM-74";#N/A,#N/A,FALSE,"AM-75";#N/A,#N/A,FALSE,"AM-76";#N/A,#N/A,FALSE,"AM-77";#N/A,#N/A,FALSE,"AM-78";#N/A,#N/A,FALSE,"AM-79";#N/A,#N/A,FALSE,"AM-80"}</definedName>
    <definedName name="大工">#REF!</definedName>
    <definedName name="大便器">#REF!</definedName>
    <definedName name="第_Ａ_２">#REF!</definedName>
    <definedName name="第_Ａ_３">#REF!</definedName>
    <definedName name="第_Ｂ_１">#REF!</definedName>
    <definedName name="第_Ｂ_２">'[84]Ａ代価 '!#REF!</definedName>
    <definedName name="第_Ｂ_４">'[84]Ａ代価 '!#REF!</definedName>
    <definedName name="第１号管代価" localSheetId="0">#REF!</definedName>
    <definedName name="第１号管代価">#REF!</definedName>
    <definedName name="第１号明細書" localSheetId="0" hidden="1">{"設定1",#N/A,FALSE,"第5号-1";"設定2",#N/A,FALSE,"第5号-1"}</definedName>
    <definedName name="第１号明細書" hidden="1">{"設定1",#N/A,FALSE,"第5号-1";"設定2",#N/A,FALSE,"第5号-1"}</definedName>
    <definedName name="第一号" localSheetId="0">#REF!</definedName>
    <definedName name="第一号">#REF!</definedName>
    <definedName name="第三号" localSheetId="0">#REF!</definedName>
    <definedName name="第三号">#REF!</definedName>
    <definedName name="第二号" localSheetId="0">[16]経費計算!#REF!</definedName>
    <definedName name="第二号">[16]経費計算!#REF!</definedName>
    <definedName name="単位" localSheetId="0">#REF!</definedName>
    <definedName name="単位">#REF!</definedName>
    <definedName name="単位量">#REF!</definedName>
    <definedName name="単価">#REF!</definedName>
    <definedName name="単価コード">[85]単価コード!$B$1:$H$65536</definedName>
    <definedName name="単価一覧" localSheetId="0">#REF!</definedName>
    <definedName name="単価一覧">#REF!</definedName>
    <definedName name="単価一覧表">[86]単価一覧表!$A$2:$H$378</definedName>
    <definedName name="単価表">[87]単価コード表!$B$3:$L$1403</definedName>
    <definedName name="段数">[60]条件!$C$10</definedName>
    <definedName name="地質調査員" localSheetId="0">#REF!</definedName>
    <definedName name="地質調査員">#REF!</definedName>
    <definedName name="地質調査技師" localSheetId="0">#REF!</definedName>
    <definedName name="地質調査技師">#REF!</definedName>
    <definedName name="池数__1池式" localSheetId="0">#REF!</definedName>
    <definedName name="池数__1池式">#REF!</definedName>
    <definedName name="着水井" localSheetId="0" hidden="1">{"設定1",#N/A,FALSE,"第5号-1";"設定2",#N/A,FALSE,"第5号-1"}</definedName>
    <definedName name="着水井" hidden="1">{"設定1",#N/A,FALSE,"第5号-1";"設定2",#N/A,FALSE,"第5号-1"}</definedName>
    <definedName name="着水井機器" localSheetId="0" hidden="1">{"設定1",#N/A,FALSE,"第5号-1";"設定2",#N/A,FALSE,"第5号-1"}</definedName>
    <definedName name="着水井機器" hidden="1">{"設定1",#N/A,FALSE,"第5号-1";"設定2",#N/A,FALSE,"第5号-1"}</definedName>
    <definedName name="中部" localSheetId="0">#REF!</definedName>
    <definedName name="中部">#REF!</definedName>
    <definedName name="鋳鉄管" localSheetId="0">#REF!</definedName>
    <definedName name="鋳鉄管">#REF!</definedName>
    <definedName name="鋳鉄管重量表" localSheetId="0">#REF!</definedName>
    <definedName name="鋳鉄管重量表">#REF!</definedName>
    <definedName name="鋳鉄管切断機500以下">#REF!</definedName>
    <definedName name="鋳鉄管弁類">#REF!</definedName>
    <definedName name="長さ1">#REF!</definedName>
    <definedName name="直仮">[6]内訳!$A$79</definedName>
    <definedName name="直管重量" localSheetId="0">#REF!</definedName>
    <definedName name="直管重量">#REF!</definedName>
    <definedName name="直工">#REF!</definedName>
    <definedName name="直接工事費">#REF!</definedName>
    <definedName name="低減率">#REF!</definedName>
    <definedName name="提出範囲">[3]歩・屋!$B$3:$V$372</definedName>
    <definedName name="適用２" localSheetId="0">#REF!</definedName>
    <definedName name="適用２">#REF!</definedName>
    <definedName name="撤去" localSheetId="0">#REF!</definedName>
    <definedName name="撤去">#REF!</definedName>
    <definedName name="鉄管" localSheetId="0">#REF!</definedName>
    <definedName name="鉄管">#REF!</definedName>
    <definedName name="鉄筋工">#REF!</definedName>
    <definedName name="鉄骨工">#REF!</definedName>
    <definedName name="田端">#REF!</definedName>
    <definedName name="電気" localSheetId="0" hidden="1">{"設定1",#N/A,FALSE,"第5号-1";"設定2",#N/A,FALSE,"第5号-1"}</definedName>
    <definedName name="電気">[88]Ⅶ電気!$B$1</definedName>
    <definedName name="電気①" localSheetId="0">#REF!</definedName>
    <definedName name="電気①">#REF!</definedName>
    <definedName name="電気②" localSheetId="0" hidden="1">#REF!</definedName>
    <definedName name="電気②" hidden="1">#REF!</definedName>
    <definedName name="電気一般率表" localSheetId="0">#REF!</definedName>
    <definedName name="電気一般率表">#REF!</definedName>
    <definedName name="電気温水器">[3]歩・屋!$W$9</definedName>
    <definedName name="電気温水器B">[3]歩・屋!$W$9</definedName>
    <definedName name="電気仮設改率表" localSheetId="0">#REF!</definedName>
    <definedName name="電気仮設改率表">#REF!</definedName>
    <definedName name="電気仮設新率表" localSheetId="0">#REF!</definedName>
    <definedName name="電気仮設新率表">#REF!</definedName>
    <definedName name="電気現場改率表" localSheetId="0">#REF!</definedName>
    <definedName name="電気現場改率表">#REF!</definedName>
    <definedName name="電気現場新率表">#REF!</definedName>
    <definedName name="電気材料">[16]経費計算!#REF!</definedName>
    <definedName name="電気材料①">[16]経費計算!#REF!</definedName>
    <definedName name="電気材料③">[16]経費計算!#REF!</definedName>
    <definedName name="電気代価" localSheetId="0">[89]単価根拠!$U$56</definedName>
    <definedName name="電気代価">[89]単価根拠!$U$56</definedName>
    <definedName name="電気労務" localSheetId="0" hidden="1">{"設定1",#N/A,FALSE,"第5号-1";"設定2",#N/A,FALSE,"第5号-1"}</definedName>
    <definedName name="電気労務" hidden="1">{"設定1",#N/A,FALSE,"第5号-1";"設定2",#N/A,FALSE,"第5号-1"}</definedName>
    <definedName name="電気労務費" localSheetId="0" hidden="1">{"設定1",#N/A,FALSE,"第5号-1";"設定2",#N/A,FALSE,"第5号-1"}</definedName>
    <definedName name="電気労務費" hidden="1">{"設定1",#N/A,FALSE,"第5号-1";"設定2",#N/A,FALSE,"第5号-1"}</definedName>
    <definedName name="電極">[90]!ピクチャ5_Click</definedName>
    <definedName name="電工" localSheetId="0">#REF!</definedName>
    <definedName name="電工">#REF!</definedName>
    <definedName name="電工1" localSheetId="0">[25]ｹｰﾌﾞﾙ計!#REF!</definedName>
    <definedName name="電工1">[26]ｹｰﾌﾞﾙ計!#REF!</definedName>
    <definedName name="電線管埋設" localSheetId="0">#REF!</definedName>
    <definedName name="電線管埋設">#REF!</definedName>
    <definedName name="電線管類" localSheetId="0">#REF!</definedName>
    <definedName name="電線管類">#REF!</definedName>
    <definedName name="電柱基礎">#REF!</definedName>
    <definedName name="電力量">#REF!</definedName>
    <definedName name="吐">[56]内訳!#REF!</definedName>
    <definedName name="吐１">[56]内訳!#REF!</definedName>
    <definedName name="吐出">[56]内訳!#REF!</definedName>
    <definedName name="吐出弁">[56]内訳!#REF!</definedName>
    <definedName name="塗装" localSheetId="0">#REF!</definedName>
    <definedName name="塗装">#REF!</definedName>
    <definedName name="塗装・被覆工" localSheetId="0">#REF!</definedName>
    <definedName name="塗装・被覆工">#REF!</definedName>
    <definedName name="塗装工">#REF!</definedName>
    <definedName name="塗装費">#REF!</definedName>
    <definedName name="土工" localSheetId="0">[77]工事費内訳表!$H$11</definedName>
    <definedName name="土工">[77]工事費内訳表!$H$11</definedName>
    <definedName name="土木一般世話役" localSheetId="0">#REF!</definedName>
    <definedName name="土木一般世話役">#REF!</definedName>
    <definedName name="土木世話役">#REF!</definedName>
    <definedName name="土留工">#REF!</definedName>
    <definedName name="土量計算書">[50]表紙!#REF!</definedName>
    <definedName name="東海" localSheetId="0">#REF!</definedName>
    <definedName name="東海">#REF!</definedName>
    <definedName name="湯ノ谷印刷">[91]!湯ノ谷印刷</definedName>
    <definedName name="当り" localSheetId="0">#REF!</definedName>
    <definedName name="当り">#REF!</definedName>
    <definedName name="頭出しA" localSheetId="0">[92]修正履歴!#REF!</definedName>
    <definedName name="頭出しA">[92]修正履歴!#REF!</definedName>
    <definedName name="動力費" localSheetId="0">#REF!</definedName>
    <definedName name="動力費">#REF!</definedName>
    <definedName name="特殊運転手">#REF!</definedName>
    <definedName name="特殊作業員">#REF!</definedName>
    <definedName name="内屋根">[6]内訳!$A$153</definedName>
    <definedName name="内外構">[6]内訳!$A$361</definedName>
    <definedName name="内躯体">[6]内訳!$A$56</definedName>
    <definedName name="内装工" localSheetId="0">#REF!</definedName>
    <definedName name="内装工">#REF!</definedName>
    <definedName name="内部給排1" localSheetId="0">[93]外部改修工事!#REF!</definedName>
    <definedName name="内部給排1">[93]外部改修工事!#REF!</definedName>
    <definedName name="内部給排2" localSheetId="0">[93]外部改修工事!#REF!</definedName>
    <definedName name="内部給排2">[93]外部改修工事!#REF!</definedName>
    <definedName name="内部給排3" localSheetId="0">[93]外部改修工事!#REF!</definedName>
    <definedName name="内部給排3">[93]外部改修工事!#REF!</definedName>
    <definedName name="内部建具">[6]内部!$A$1</definedName>
    <definedName name="内部雑">[6]内訳!$A$316</definedName>
    <definedName name="内訳" localSheetId="0" hidden="1">{"設定1",#N/A,FALSE,"第5号-1";"設定2",#N/A,FALSE,"第5号-1"}</definedName>
    <definedName name="内訳">[94]表紙!#REF!</definedName>
    <definedName name="内訳1" localSheetId="0" hidden="1">{"設定1",#N/A,FALSE,"第5号-1";"設定2",#N/A,FALSE,"第5号-1"}</definedName>
    <definedName name="内訳1" hidden="1">{"設定1",#N/A,FALSE,"第5号-1";"設定2",#N/A,FALSE,"第5号-1"}</definedName>
    <definedName name="内訳2" localSheetId="0">[95]内訳!#REF!</definedName>
    <definedName name="内訳2">[95]内訳!#REF!</definedName>
    <definedName name="内訳一覧" localSheetId="0">#REF!</definedName>
    <definedName name="内訳一覧">#REF!</definedName>
    <definedName name="内訳書" localSheetId="0" hidden="1">{"設定1",#N/A,FALSE,"第5号-1";"設定2",#N/A,FALSE,"第5号-1"}</definedName>
    <definedName name="内訳書">[96]別紙内訳!#REF!</definedName>
    <definedName name="二次" localSheetId="0">#REF!</definedName>
    <definedName name="二次">#REF!</definedName>
    <definedName name="日平均" localSheetId="0">#REF!</definedName>
    <definedName name="日平均">#REF!</definedName>
    <definedName name="入力">#REF!</definedName>
    <definedName name="入力項目印刷">#REF!</definedName>
    <definedName name="入力項目表印刷">#REF!</definedName>
    <definedName name="廃材処分費">#REF!</definedName>
    <definedName name="排水" localSheetId="0">[97]排水器具・ﾄﾗｯﾌﾟ!$V$50:$AC$70</definedName>
    <definedName name="排水">[98]排水器具・ﾄﾗｯﾌﾟ!$V$50:$AC$70</definedName>
    <definedName name="排水PS" localSheetId="0">#REF!</definedName>
    <definedName name="排水PS">#REF!</definedName>
    <definedName name="排水器具･ﾄﾗｯﾌﾟ等" localSheetId="0">[97]排水器具・ﾄﾗｯﾌﾟ!$V$50:$AC$70</definedName>
    <definedName name="排水器具･ﾄﾗｯﾌﾟ等">[98]排水器具・ﾄﾗｯﾌﾟ!$V$50:$AC$70</definedName>
    <definedName name="配管工" localSheetId="0">#REF!</definedName>
    <definedName name="配管工">#REF!</definedName>
    <definedName name="配線器具" localSheetId="0">#REF!</definedName>
    <definedName name="配線器具">#REF!</definedName>
    <definedName name="配線材料" localSheetId="0" hidden="1">{"設定1",#N/A,FALSE,"第5号-1";"設定2",#N/A,FALSE,"第5号-1"}</definedName>
    <definedName name="配線材料" hidden="1">{"設定1",#N/A,FALSE,"第5号-1";"設定2",#N/A,FALSE,"第5号-1"}</definedName>
    <definedName name="剥離剤" localSheetId="0">#REF!</definedName>
    <definedName name="剥離剤">#REF!</definedName>
    <definedName name="泊まり人件費" localSheetId="0">#REF!</definedName>
    <definedName name="泊まり人件費">#REF!</definedName>
    <definedName name="八戸北2_PAC">#REF!</definedName>
    <definedName name="搬送現場率表">#REF!</definedName>
    <definedName name="板金工">#REF!</definedName>
    <definedName name="番号">#REF!</definedName>
    <definedName name="盤基礎">#REF!</definedName>
    <definedName name="盤名称11">#REF!</definedName>
    <definedName name="盤名称12">#REF!</definedName>
    <definedName name="比較">#REF!</definedName>
    <definedName name="費">'[99]代価表 '!$Z$6</definedName>
    <definedName name="表紙">[100]!印刷</definedName>
    <definedName name="表流水" localSheetId="0">#REF!</definedName>
    <definedName name="表流水">#REF!</definedName>
    <definedName name="不活性ガス">[3]歩・屋!$W$13</definedName>
    <definedName name="付属品率" localSheetId="0">#REF!</definedName>
    <definedName name="付属品率">#REF!</definedName>
    <definedName name="付帯">[6]付帯!$C$4</definedName>
    <definedName name="普作1" localSheetId="0">[25]ｹｰﾌﾞﾙ計!#REF!</definedName>
    <definedName name="普作1">[26]ｹｰﾌﾞﾙ計!#REF!</definedName>
    <definedName name="普通ｾﾒﾝﾄ" localSheetId="0">#REF!</definedName>
    <definedName name="普通ｾﾒﾝﾄ">#REF!</definedName>
    <definedName name="普通ｾﾒﾝﾄ_1000">#REF!</definedName>
    <definedName name="普通ｾﾒﾝﾄ50未満">#REF!</definedName>
    <definedName name="普通作業員">#REF!</definedName>
    <definedName name="普通船員">#REF!</definedName>
    <definedName name="部分印刷">[63]表紙!#REF!</definedName>
    <definedName name="副単" localSheetId="0">#REF!</definedName>
    <definedName name="副単">#REF!</definedName>
    <definedName name="幅1" localSheetId="0">#REF!</definedName>
    <definedName name="幅1">#REF!</definedName>
    <definedName name="複合" localSheetId="0" hidden="1">{"設定1",#N/A,FALSE,"第5号-1";"設定2",#N/A,FALSE,"第5号-1"}</definedName>
    <definedName name="複合" hidden="1">{"設定1",#N/A,FALSE,"第5号-1";"設定2",#N/A,FALSE,"第5号-1"}</definedName>
    <definedName name="複合工" localSheetId="0" hidden="1">{"設定1",#N/A,FALSE,"第5号-1";"設定2",#N/A,FALSE,"第5号-1"}</definedName>
    <definedName name="複合工" hidden="1">{"設定1",#N/A,FALSE,"第5号-1";"設定2",#N/A,FALSE,"第5号-1"}</definedName>
    <definedName name="複合工集計表" localSheetId="0">#REF!</definedName>
    <definedName name="複合工集計表">#REF!</definedName>
    <definedName name="複合工費">#REF!</definedName>
    <definedName name="複合単価_001">#REF!</definedName>
    <definedName name="複合単価_002">#REF!</definedName>
    <definedName name="複合単価_003">#REF!</definedName>
    <definedName name="複合単価_004">#REF!</definedName>
    <definedName name="複合単価_005">#REF!</definedName>
    <definedName name="複合単価_006">#REF!</definedName>
    <definedName name="複合単価_007">#REF!</definedName>
    <definedName name="複合単価_008">#REF!</definedName>
    <definedName name="複合単価_009">#REF!</definedName>
    <definedName name="複合単価_010">#REF!</definedName>
    <definedName name="複合単価_011">#REF!</definedName>
    <definedName name="複合単価_012">#REF!</definedName>
    <definedName name="複合単価_013">#REF!</definedName>
    <definedName name="複合単価_014">#REF!</definedName>
    <definedName name="複合単価_015">#REF!</definedName>
    <definedName name="複合単価_016">#REF!</definedName>
    <definedName name="複合単価_017">#REF!</definedName>
    <definedName name="複合単価_018">#REF!</definedName>
    <definedName name="複合単価_019">#REF!</definedName>
    <definedName name="複合単価_020">#REF!</definedName>
    <definedName name="複合単価_021">#REF!</definedName>
    <definedName name="複合単価_022">#REF!</definedName>
    <definedName name="複合単価_023">#REF!</definedName>
    <definedName name="複合単価_024">#REF!</definedName>
    <definedName name="複合単価_025">#REF!</definedName>
    <definedName name="複合単価_026">#REF!</definedName>
    <definedName name="複合単価_027">#REF!</definedName>
    <definedName name="複合単価_028">#REF!</definedName>
    <definedName name="複合単価_029">#REF!</definedName>
    <definedName name="複合単価_030">#REF!</definedName>
    <definedName name="複合単価_031">#REF!</definedName>
    <definedName name="複合単価_032">#REF!</definedName>
    <definedName name="複合単価_033">#REF!</definedName>
    <definedName name="複合単価_034">#REF!</definedName>
    <definedName name="複合単価_035">#REF!</definedName>
    <definedName name="複合単価_036">#REF!</definedName>
    <definedName name="複合単価_037">#REF!</definedName>
    <definedName name="複合単価_038">#REF!</definedName>
    <definedName name="複合単価_039">#REF!</definedName>
    <definedName name="複合単価_040">#REF!</definedName>
    <definedName name="複合単価_041">#REF!</definedName>
    <definedName name="複合単価_042">#REF!</definedName>
    <definedName name="複合単価_043">#REF!</definedName>
    <definedName name="複合単価_044">#REF!</definedName>
    <definedName name="複合単価_045">#REF!</definedName>
    <definedName name="複合単価_046">#REF!</definedName>
    <definedName name="複合単価_047">#REF!</definedName>
    <definedName name="複合単価_048">#REF!</definedName>
    <definedName name="複合単価_049">#REF!</definedName>
    <definedName name="複合単価_050">#REF!</definedName>
    <definedName name="複合単価_051">#REF!</definedName>
    <definedName name="複合単価_052">#REF!</definedName>
    <definedName name="複合単価表">#REF!</definedName>
    <definedName name="複写">#REF!</definedName>
    <definedName name="複写範囲">#REF!</definedName>
    <definedName name="物価資料価格表">'[101]物価資料価格表(変更後)'!$A$1:$L$65536</definedName>
    <definedName name="分類" localSheetId="0">[102]機器等据付重量表!$C$7:$C$56,[102]機器等据付重量表!$C$63,[102]機器等据付重量表!$C$63:$C$112,[102]機器等据付重量表!$C$119,[102]機器等据付重量表!$C$119:$C$168,[102]機器等据付重量表!$C$175:$C$224,[102]機器等据付重量表!$C$231,[102]機器等据付重量表!$C$231:$C$280,[102]機器等据付重量表!$C$287,[102]機器等据付重量表!$C$287:$C$336,[102]機器等据付重量表!$C$343,[102]機器等据付重量表!$C$343:$C$392</definedName>
    <definedName name="分類">[103]機器等据付重量表!$C$7:$C$56,[103]機器等据付重量表!$C$63,[103]機器等据付重量表!$C$63:$C$112,[103]機器等据付重量表!$C$119,[103]機器等据付重量表!$C$119:$C$168,[103]機器等据付重量表!$C$175:$C$224,[103]機器等据付重量表!$C$231,[103]機器等据付重量表!$C$231:$C$280,[103]機器等据付重量表!$C$287,[103]機器等据付重量表!$C$287:$C$336,[103]機器等据付重量表!$C$343,[103]機器等据付重量表!$C$343:$C$392</definedName>
    <definedName name="粉炭費" localSheetId="0">#REF!</definedName>
    <definedName name="粉炭費">#REF!</definedName>
    <definedName name="兵庫県都まちづくり部設備課" localSheetId="0">[104]小項目!#REF!</definedName>
    <definedName name="兵庫県都まちづくり部設備課">[104]小項目!#REF!</definedName>
    <definedName name="頁枚数" localSheetId="0">[24]表紙!#REF!</definedName>
    <definedName name="頁枚数">[24]表紙!#REF!</definedName>
    <definedName name="別途">[6]付帯!$F$3</definedName>
    <definedName name="変更用紙">[81]!印刷</definedName>
    <definedName name="弁類" localSheetId="0">#REF!</definedName>
    <definedName name="弁類">#REF!</definedName>
    <definedName name="保温工" localSheetId="0">#REF!</definedName>
    <definedName name="保温工">#REF!</definedName>
    <definedName name="保証方法">#REF!</definedName>
    <definedName name="保存">#N/A</definedName>
    <definedName name="舗装データ" localSheetId="0">#REF!</definedName>
    <definedName name="舗装データ">#REF!</definedName>
    <definedName name="舗装復旧工" localSheetId="0">#REF!</definedName>
    <definedName name="舗装復旧工">#REF!</definedName>
    <definedName name="歩掛け">#REF!</definedName>
    <definedName name="歩掛表">#REF!</definedName>
    <definedName name="補給率">#REF!</definedName>
    <definedName name="補正">#REF!</definedName>
    <definedName name="法面工">#REF!</definedName>
    <definedName name="防水工">#REF!</definedName>
    <definedName name="膜ポンプKW">#REF!</definedName>
    <definedName name="膜ろ過原水量">[60]条件!$C$15</definedName>
    <definedName name="膜ろ過棟" localSheetId="0" hidden="1">{"設定1",#N/A,FALSE,"第5号-1";"設定2",#N/A,FALSE,"第5号-1"}</definedName>
    <definedName name="膜ろ過棟" hidden="1">{"設定1",#N/A,FALSE,"第5号-1";"設定2",#N/A,FALSE,"第5号-1"}</definedName>
    <definedName name="膜交換費" localSheetId="0">#REF!</definedName>
    <definedName name="膜交換費">#REF!</definedName>
    <definedName name="密粒AS">#REF!</definedName>
    <definedName name="名称">#REF!</definedName>
    <definedName name="面積">#REF!</definedName>
    <definedName name="問い合せ">#REF!</definedName>
    <definedName name="役務">#REF!</definedName>
    <definedName name="薬注回数">[60]条件!$E$23</definedName>
    <definedName name="薬注時間">[60]条件!$C$24</definedName>
    <definedName name="薬注頻度">[60]条件!$C$23</definedName>
    <definedName name="薬品洗浄費" localSheetId="0">#REF!</definedName>
    <definedName name="薬品洗浄費">#REF!</definedName>
    <definedName name="輸送１">#REF!</definedName>
    <definedName name="輸送費">#REF!</definedName>
    <definedName name="予定価格積算書">#REF!</definedName>
    <definedName name="幼児便器">#REF!</definedName>
    <definedName name="擁壁小" localSheetId="0">[77]工事費内訳表!$H$43</definedName>
    <definedName name="擁壁小">[77]工事費内訳表!$H$43</definedName>
    <definedName name="擁壁大" localSheetId="0">[77]工事費内訳表!$H$69</definedName>
    <definedName name="擁壁大">[77]工事費内訳表!$H$69</definedName>
    <definedName name="洋風便器" localSheetId="0">#REF!</definedName>
    <definedName name="洋風便器">#REF!</definedName>
    <definedName name="溶接工">#REF!</definedName>
    <definedName name="溶接棒">#REF!</definedName>
    <definedName name="理事_技師長">#REF!</definedName>
    <definedName name="率元">#REF!</definedName>
    <definedName name="立案冠記号">[105]Code!#REF!</definedName>
    <definedName name="粒調砕石Mｰ30" localSheetId="0">#REF!</definedName>
    <definedName name="粒調砕石Mｰ30">#REF!</definedName>
    <definedName name="鈴鹿市" localSheetId="0">#REF!</definedName>
    <definedName name="鈴鹿市">#REF!</definedName>
    <definedName name="鈴木" localSheetId="0" hidden="1">{"設定1",#N/A,FALSE,"第5号-1";"設定2",#N/A,FALSE,"第5号-1"}</definedName>
    <definedName name="鈴木" hidden="1">{"設定1",#N/A,FALSE,"第5号-1";"設定2",#N/A,FALSE,"第5号-1"}</definedName>
    <definedName name="鈴木_1" localSheetId="0" hidden="1">{"設定1",#N/A,FALSE,"第5号-1";"設定2",#N/A,FALSE,"第5号-1"}</definedName>
    <definedName name="鈴木_1" hidden="1">{"設定1",#N/A,FALSE,"第5号-1";"設定2",#N/A,FALSE,"第5号-1"}</definedName>
    <definedName name="列数">[60]条件!$C$9</definedName>
    <definedName name="列幅変更" localSheetId="0">#REF!</definedName>
    <definedName name="列幅変更">#REF!</definedName>
    <definedName name="路床砕石">#REF!</definedName>
    <definedName name="労務">#REF!</definedName>
    <definedName name="労務原価">#REF!</definedName>
    <definedName name="労務単価">#REF!</definedName>
    <definedName name="労務費" localSheetId="0">[16]経費計算!#REF!</definedName>
    <definedName name="労務費">#REF!</definedName>
    <definedName name="労務費１">[16]経費計算!#REF!</definedName>
    <definedName name="労務費2">[91]!湯ノ谷印刷</definedName>
    <definedName name="労務表">[106]労務単価コード!$B$2:$E$64</definedName>
    <definedName name="濾過池配線材料" localSheetId="0" hidden="1">{"設定1",#N/A,FALSE,"第5号-1";"設定2",#N/A,FALSE,"第5号-1"}</definedName>
    <definedName name="濾過池配線材料" hidden="1">{"設定1",#N/A,FALSE,"第5号-1";"設定2",#N/A,FALSE,"第5号-1"}</definedName>
  </definedNames>
  <calcPr calcId="145621"/>
</workbook>
</file>

<file path=xl/calcChain.xml><?xml version="1.0" encoding="utf-8"?>
<calcChain xmlns="http://schemas.openxmlformats.org/spreadsheetml/2006/main">
  <c r="G11" i="12" l="1"/>
</calcChain>
</file>

<file path=xl/sharedStrings.xml><?xml version="1.0" encoding="utf-8"?>
<sst xmlns="http://schemas.openxmlformats.org/spreadsheetml/2006/main" count="661" uniqueCount="378">
  <si>
    <t>工　　事　　設　　計　　書</t>
    <rPh sb="0" eb="1">
      <t>コウ</t>
    </rPh>
    <rPh sb="3" eb="4">
      <t>ジ</t>
    </rPh>
    <rPh sb="6" eb="7">
      <t>セツ</t>
    </rPh>
    <rPh sb="9" eb="10">
      <t>ケイ</t>
    </rPh>
    <rPh sb="12" eb="13">
      <t>ショ</t>
    </rPh>
    <phoneticPr fontId="5"/>
  </si>
  <si>
    <t>四日市市上下水道局</t>
    <rPh sb="0" eb="4">
      <t>ヨッカイチシ</t>
    </rPh>
    <rPh sb="4" eb="6">
      <t>ジョウゲ</t>
    </rPh>
    <rPh sb="6" eb="9">
      <t>スイドウキョク</t>
    </rPh>
    <phoneticPr fontId="5"/>
  </si>
  <si>
    <t>第      号</t>
    <rPh sb="0" eb="1">
      <t>ダイ</t>
    </rPh>
    <rPh sb="7" eb="8">
      <t>ゴウ</t>
    </rPh>
    <phoneticPr fontId="5"/>
  </si>
  <si>
    <t>支　　出　　科　　目</t>
    <rPh sb="0" eb="1">
      <t>シ</t>
    </rPh>
    <rPh sb="3" eb="4">
      <t>デ</t>
    </rPh>
    <rPh sb="6" eb="7">
      <t>カ</t>
    </rPh>
    <rPh sb="9" eb="10">
      <t>メ</t>
    </rPh>
    <phoneticPr fontId="5"/>
  </si>
  <si>
    <t>款</t>
    <rPh sb="0" eb="1">
      <t>カン</t>
    </rPh>
    <phoneticPr fontId="5"/>
  </si>
  <si>
    <t>項</t>
    <rPh sb="0" eb="1">
      <t>コウ</t>
    </rPh>
    <phoneticPr fontId="5"/>
  </si>
  <si>
    <t>目</t>
    <rPh sb="0" eb="1">
      <t>メ</t>
    </rPh>
    <phoneticPr fontId="5"/>
  </si>
  <si>
    <t>節</t>
    <rPh sb="0" eb="1">
      <t>セツ</t>
    </rPh>
    <phoneticPr fontId="5"/>
  </si>
  <si>
    <t>施　　工　　地　　名</t>
    <rPh sb="0" eb="1">
      <t>シ</t>
    </rPh>
    <rPh sb="3" eb="4">
      <t>コウ</t>
    </rPh>
    <rPh sb="6" eb="7">
      <t>チ</t>
    </rPh>
    <rPh sb="9" eb="10">
      <t>ナ</t>
    </rPh>
    <phoneticPr fontId="5"/>
  </si>
  <si>
    <t>工　　　事　　　名</t>
    <rPh sb="0" eb="1">
      <t>コウ</t>
    </rPh>
    <rPh sb="4" eb="5">
      <t>ジ</t>
    </rPh>
    <rPh sb="8" eb="9">
      <t>ナ</t>
    </rPh>
    <phoneticPr fontId="5"/>
  </si>
  <si>
    <t>支給材料費</t>
    <rPh sb="0" eb="2">
      <t>シキュウ</t>
    </rPh>
    <rPh sb="2" eb="4">
      <t>ザイリョウ</t>
    </rPh>
    <rPh sb="4" eb="5">
      <t>ヒ</t>
    </rPh>
    <phoneticPr fontId="5"/>
  </si>
  <si>
    <t>工　　　　　　　費</t>
    <rPh sb="0" eb="1">
      <t>コウ</t>
    </rPh>
    <rPh sb="8" eb="9">
      <t>ヒ</t>
    </rPh>
    <phoneticPr fontId="5"/>
  </si>
  <si>
    <t>金</t>
    <rPh sb="0" eb="1">
      <t>キン</t>
    </rPh>
    <phoneticPr fontId="5"/>
  </si>
  <si>
    <t>.円</t>
    <rPh sb="1" eb="2">
      <t>エン</t>
    </rPh>
    <phoneticPr fontId="5"/>
  </si>
  <si>
    <t>内</t>
    <rPh sb="0" eb="1">
      <t>ウチ</t>
    </rPh>
    <phoneticPr fontId="5"/>
  </si>
  <si>
    <t>直営工事費</t>
    <rPh sb="0" eb="2">
      <t>チョクエイ</t>
    </rPh>
    <rPh sb="2" eb="4">
      <t>コウジ</t>
    </rPh>
    <rPh sb="4" eb="5">
      <t>ヒ</t>
    </rPh>
    <phoneticPr fontId="5"/>
  </si>
  <si>
    <t>設計監督手数料</t>
    <rPh sb="0" eb="2">
      <t>セッケイ</t>
    </rPh>
    <rPh sb="2" eb="4">
      <t>カントク</t>
    </rPh>
    <rPh sb="4" eb="7">
      <t>テスウリョウ</t>
    </rPh>
    <phoneticPr fontId="5"/>
  </si>
  <si>
    <t>工　　　　　　　期</t>
    <rPh sb="0" eb="1">
      <t>コウ</t>
    </rPh>
    <rPh sb="8" eb="9">
      <t>キ</t>
    </rPh>
    <phoneticPr fontId="5"/>
  </si>
  <si>
    <t>契約の日から</t>
    <rPh sb="0" eb="2">
      <t>ケイヤク</t>
    </rPh>
    <rPh sb="3" eb="4">
      <t>ヒ</t>
    </rPh>
    <phoneticPr fontId="5"/>
  </si>
  <si>
    <t>限り</t>
    <rPh sb="0" eb="1">
      <t>カギ</t>
    </rPh>
    <phoneticPr fontId="5"/>
  </si>
  <si>
    <t>工　　　事　　　の　　　概　　　要</t>
    <rPh sb="0" eb="1">
      <t>コウ</t>
    </rPh>
    <rPh sb="4" eb="5">
      <t>ジ</t>
    </rPh>
    <rPh sb="12" eb="13">
      <t>ガイ</t>
    </rPh>
    <rPh sb="16" eb="17">
      <t>ヨウ</t>
    </rPh>
    <phoneticPr fontId="5"/>
  </si>
  <si>
    <t>起</t>
    <rPh sb="0" eb="1">
      <t>キ</t>
    </rPh>
    <phoneticPr fontId="5"/>
  </si>
  <si>
    <t>工</t>
    <rPh sb="0" eb="1">
      <t>コウ</t>
    </rPh>
    <phoneticPr fontId="5"/>
  </si>
  <si>
    <t>理</t>
    <rPh sb="0" eb="1">
      <t>リ</t>
    </rPh>
    <phoneticPr fontId="5"/>
  </si>
  <si>
    <t>由</t>
    <rPh sb="0" eb="1">
      <t>ユウ</t>
    </rPh>
    <phoneticPr fontId="5"/>
  </si>
  <si>
    <t>設　　計　　書　　用　　紙</t>
    <rPh sb="0" eb="1">
      <t>セツ</t>
    </rPh>
    <rPh sb="3" eb="4">
      <t>ケイ</t>
    </rPh>
    <rPh sb="6" eb="7">
      <t>ショ</t>
    </rPh>
    <rPh sb="9" eb="10">
      <t>ヨウ</t>
    </rPh>
    <rPh sb="12" eb="13">
      <t>シ</t>
    </rPh>
    <phoneticPr fontId="5"/>
  </si>
  <si>
    <t>四　日　市　市　上　下　水　道　局</t>
    <rPh sb="0" eb="1">
      <t>ヨン</t>
    </rPh>
    <rPh sb="2" eb="3">
      <t>ヒ</t>
    </rPh>
    <rPh sb="4" eb="5">
      <t>シ</t>
    </rPh>
    <rPh sb="6" eb="7">
      <t>シ</t>
    </rPh>
    <rPh sb="8" eb="9">
      <t>ウエ</t>
    </rPh>
    <rPh sb="10" eb="11">
      <t>シタ</t>
    </rPh>
    <rPh sb="12" eb="13">
      <t>スイ</t>
    </rPh>
    <rPh sb="14" eb="15">
      <t>ドウ</t>
    </rPh>
    <rPh sb="16" eb="17">
      <t>キョク</t>
    </rPh>
    <phoneticPr fontId="5"/>
  </si>
  <si>
    <t>工事名</t>
    <rPh sb="0" eb="2">
      <t>コウジ</t>
    </rPh>
    <rPh sb="2" eb="3">
      <t>ナ</t>
    </rPh>
    <phoneticPr fontId="5"/>
  </si>
  <si>
    <t>工事場所</t>
    <rPh sb="0" eb="2">
      <t>コウジ</t>
    </rPh>
    <rPh sb="2" eb="4">
      <t>バショ</t>
    </rPh>
    <phoneticPr fontId="5"/>
  </si>
  <si>
    <t>工事費内訳書</t>
    <rPh sb="0" eb="2">
      <t>コウジ</t>
    </rPh>
    <rPh sb="2" eb="3">
      <t>ヒ</t>
    </rPh>
    <rPh sb="3" eb="6">
      <t>ウチワケショ</t>
    </rPh>
    <phoneticPr fontId="5"/>
  </si>
  <si>
    <t>費目</t>
    <rPh sb="0" eb="2">
      <t>ヒモク</t>
    </rPh>
    <phoneticPr fontId="5"/>
  </si>
  <si>
    <t>工種</t>
    <rPh sb="0" eb="1">
      <t>コウ</t>
    </rPh>
    <rPh sb="1" eb="2">
      <t>シュ</t>
    </rPh>
    <phoneticPr fontId="5"/>
  </si>
  <si>
    <t>種別</t>
    <rPh sb="0" eb="2">
      <t>シュベツ</t>
    </rPh>
    <phoneticPr fontId="5"/>
  </si>
  <si>
    <t>細別/規格</t>
    <rPh sb="0" eb="2">
      <t>サイベツ</t>
    </rPh>
    <rPh sb="3" eb="5">
      <t>キカク</t>
    </rPh>
    <phoneticPr fontId="5"/>
  </si>
  <si>
    <t>単位</t>
    <rPh sb="0" eb="2">
      <t>タンイ</t>
    </rPh>
    <phoneticPr fontId="5"/>
  </si>
  <si>
    <t>数量</t>
    <rPh sb="0" eb="2">
      <t>スウリョウ</t>
    </rPh>
    <phoneticPr fontId="5"/>
  </si>
  <si>
    <t>単価</t>
  </si>
  <si>
    <t>金額</t>
  </si>
  <si>
    <t>摘　　　　　　要</t>
    <phoneticPr fontId="5"/>
  </si>
  <si>
    <t>．</t>
    <phoneticPr fontId="5"/>
  </si>
  <si>
    <t>　</t>
    <phoneticPr fontId="5"/>
  </si>
  <si>
    <t>課長補佐</t>
    <rPh sb="0" eb="2">
      <t>カチョウ</t>
    </rPh>
    <rPh sb="2" eb="4">
      <t>ホサ</t>
    </rPh>
    <phoneticPr fontId="7"/>
  </si>
  <si>
    <t>課付主幹</t>
    <rPh sb="0" eb="1">
      <t>カ</t>
    </rPh>
    <rPh sb="1" eb="2">
      <t>ヅケ</t>
    </rPh>
    <rPh sb="2" eb="4">
      <t>シュカン</t>
    </rPh>
    <phoneticPr fontId="7"/>
  </si>
  <si>
    <t>設　　計</t>
    <rPh sb="0" eb="1">
      <t>セツ</t>
    </rPh>
    <rPh sb="3" eb="4">
      <t>ケイ</t>
    </rPh>
    <phoneticPr fontId="3"/>
  </si>
  <si>
    <t>検　　算</t>
    <rPh sb="0" eb="1">
      <t>ケン</t>
    </rPh>
    <rPh sb="3" eb="4">
      <t>サン</t>
    </rPh>
    <phoneticPr fontId="3"/>
  </si>
  <si>
    <t>係　　長</t>
    <rPh sb="0" eb="1">
      <t>カカリ</t>
    </rPh>
    <rPh sb="3" eb="4">
      <t>チョウ</t>
    </rPh>
    <phoneticPr fontId="7"/>
  </si>
  <si>
    <t>課　　長</t>
    <rPh sb="0" eb="1">
      <t>カ</t>
    </rPh>
    <rPh sb="3" eb="4">
      <t>チョウ</t>
    </rPh>
    <phoneticPr fontId="7"/>
  </si>
  <si>
    <t>平成29年度</t>
    <rPh sb="0" eb="2">
      <t>ヘイセイ</t>
    </rPh>
    <rPh sb="4" eb="6">
      <t>１１ネンド</t>
    </rPh>
    <phoneticPr fontId="5"/>
  </si>
  <si>
    <t>平成28年度水道事業実務必携に記載の請負工事積算基準｢構造物工事（浄水場等）」にて積算。</t>
    <rPh sb="0" eb="2">
      <t>ヘイセイ</t>
    </rPh>
    <rPh sb="4" eb="6">
      <t>ネンド</t>
    </rPh>
    <rPh sb="6" eb="8">
      <t>スイドウ</t>
    </rPh>
    <rPh sb="8" eb="10">
      <t>ジギョウ</t>
    </rPh>
    <rPh sb="10" eb="12">
      <t>ジツム</t>
    </rPh>
    <rPh sb="12" eb="14">
      <t>ヒッケイ</t>
    </rPh>
    <rPh sb="15" eb="17">
      <t>キサイ</t>
    </rPh>
    <rPh sb="18" eb="20">
      <t>ウケオイ</t>
    </rPh>
    <rPh sb="20" eb="22">
      <t>コウジ</t>
    </rPh>
    <rPh sb="22" eb="24">
      <t>セキサン</t>
    </rPh>
    <rPh sb="24" eb="26">
      <t>キジュン</t>
    </rPh>
    <rPh sb="27" eb="30">
      <t>コウゾウブツ</t>
    </rPh>
    <rPh sb="30" eb="32">
      <t>コウジ</t>
    </rPh>
    <rPh sb="33" eb="36">
      <t>ジョウスイジョウ</t>
    </rPh>
    <rPh sb="36" eb="37">
      <t>ナド</t>
    </rPh>
    <rPh sb="41" eb="43">
      <t>セキサン</t>
    </rPh>
    <phoneticPr fontId="5"/>
  </si>
  <si>
    <t>共通仮設費</t>
    <rPh sb="0" eb="2">
      <t>キョウツウ</t>
    </rPh>
    <rPh sb="2" eb="4">
      <t>カセツ</t>
    </rPh>
    <rPh sb="4" eb="5">
      <t>ヒ</t>
    </rPh>
    <phoneticPr fontId="3"/>
  </si>
  <si>
    <t>直接工事費</t>
    <rPh sb="0" eb="2">
      <t>チョクセツ</t>
    </rPh>
    <rPh sb="2" eb="5">
      <t>コウジヒ</t>
    </rPh>
    <phoneticPr fontId="3"/>
  </si>
  <si>
    <t>原水及び浄水施設費</t>
    <phoneticPr fontId="3"/>
  </si>
  <si>
    <t>資本的支出</t>
  </si>
  <si>
    <t>建設改良費</t>
  </si>
  <si>
    <t>工事請負費</t>
  </si>
  <si>
    <t>施原</t>
    <phoneticPr fontId="7"/>
  </si>
  <si>
    <t>蓄電池取替</t>
    <rPh sb="0" eb="3">
      <t>チクデンチ</t>
    </rPh>
    <rPh sb="3" eb="5">
      <t>トリカエ</t>
    </rPh>
    <phoneticPr fontId="3"/>
  </si>
  <si>
    <t>費　　目</t>
    <phoneticPr fontId="3"/>
  </si>
  <si>
    <t>工　　種</t>
    <phoneticPr fontId="3"/>
  </si>
  <si>
    <t>種　　　別</t>
    <phoneticPr fontId="3"/>
  </si>
  <si>
    <t>細　　　別</t>
    <phoneticPr fontId="3"/>
  </si>
  <si>
    <t>単　位</t>
    <phoneticPr fontId="3"/>
  </si>
  <si>
    <t>数　量</t>
    <phoneticPr fontId="3"/>
  </si>
  <si>
    <t>単　　価</t>
    <phoneticPr fontId="3"/>
  </si>
  <si>
    <t>金　　額</t>
    <phoneticPr fontId="3"/>
  </si>
  <si>
    <t>摘　　　要</t>
    <phoneticPr fontId="3"/>
  </si>
  <si>
    <t>材料費</t>
    <rPh sb="0" eb="3">
      <t>ザイリョウヒ</t>
    </rPh>
    <phoneticPr fontId="3"/>
  </si>
  <si>
    <t>式</t>
    <rPh sb="0" eb="1">
      <t>シキ</t>
    </rPh>
    <phoneticPr fontId="3"/>
  </si>
  <si>
    <t>別紙１号明細書</t>
    <rPh sb="0" eb="2">
      <t>ベッシ</t>
    </rPh>
    <rPh sb="3" eb="4">
      <t>ゴウ</t>
    </rPh>
    <rPh sb="4" eb="6">
      <t>メイサイ</t>
    </rPh>
    <rPh sb="6" eb="7">
      <t>ショ</t>
    </rPh>
    <phoneticPr fontId="3"/>
  </si>
  <si>
    <t>材料費計</t>
    <rPh sb="0" eb="3">
      <t>ザイリョウヒ</t>
    </rPh>
    <rPh sb="3" eb="4">
      <t>ケイ</t>
    </rPh>
    <phoneticPr fontId="3"/>
  </si>
  <si>
    <t>労務費</t>
    <rPh sb="0" eb="3">
      <t>ロウムヒ</t>
    </rPh>
    <phoneticPr fontId="3"/>
  </si>
  <si>
    <t>別紙２号明細書</t>
    <rPh sb="0" eb="2">
      <t>ベッシ</t>
    </rPh>
    <rPh sb="3" eb="4">
      <t>ゴウ</t>
    </rPh>
    <rPh sb="4" eb="6">
      <t>メイサイ</t>
    </rPh>
    <rPh sb="6" eb="7">
      <t>ショ</t>
    </rPh>
    <phoneticPr fontId="3"/>
  </si>
  <si>
    <t>労務費計</t>
    <rPh sb="0" eb="3">
      <t>ロウムヒ</t>
    </rPh>
    <rPh sb="3" eb="4">
      <t>ケイ</t>
    </rPh>
    <phoneticPr fontId="3"/>
  </si>
  <si>
    <t>直接経費</t>
    <rPh sb="0" eb="2">
      <t>チョクセツ</t>
    </rPh>
    <rPh sb="2" eb="4">
      <t>ケイヒ</t>
    </rPh>
    <phoneticPr fontId="3"/>
  </si>
  <si>
    <t>別紙３号明細書</t>
    <rPh sb="0" eb="2">
      <t>ベッシ</t>
    </rPh>
    <rPh sb="3" eb="4">
      <t>ゴウ</t>
    </rPh>
    <rPh sb="4" eb="6">
      <t>メイサイ</t>
    </rPh>
    <rPh sb="6" eb="7">
      <t>ショ</t>
    </rPh>
    <phoneticPr fontId="3"/>
  </si>
  <si>
    <t>直接経費計</t>
    <rPh sb="0" eb="2">
      <t>チョクセツ</t>
    </rPh>
    <rPh sb="2" eb="4">
      <t>ケイヒ</t>
    </rPh>
    <rPh sb="4" eb="5">
      <t>ケイ</t>
    </rPh>
    <phoneticPr fontId="3"/>
  </si>
  <si>
    <t>設  計  書  用  紙　　　　　　　四日市市上下水道局</t>
    <rPh sb="20" eb="24">
      <t>ヨッカイチシ</t>
    </rPh>
    <rPh sb="24" eb="26">
      <t>ジョウゲ</t>
    </rPh>
    <rPh sb="26" eb="29">
      <t>スイドウキョク</t>
    </rPh>
    <phoneticPr fontId="3"/>
  </si>
  <si>
    <t>費    目</t>
  </si>
  <si>
    <t>工    種</t>
  </si>
  <si>
    <t>種      別</t>
  </si>
  <si>
    <t>細    別</t>
  </si>
  <si>
    <t>単  位</t>
  </si>
  <si>
    <t>数    量</t>
  </si>
  <si>
    <t>単    価</t>
  </si>
  <si>
    <t>金      額</t>
  </si>
  <si>
    <t>摘        要</t>
  </si>
  <si>
    <t>直接工事費計</t>
    <phoneticPr fontId="3"/>
  </si>
  <si>
    <t>１号明細書</t>
    <phoneticPr fontId="3"/>
  </si>
  <si>
    <t>計</t>
    <rPh sb="0" eb="1">
      <t>ケイ</t>
    </rPh>
    <phoneticPr fontId="3"/>
  </si>
  <si>
    <t>２号明細書</t>
    <rPh sb="1" eb="2">
      <t>ゴウ</t>
    </rPh>
    <rPh sb="2" eb="4">
      <t>メイサイ</t>
    </rPh>
    <rPh sb="4" eb="5">
      <t>ショ</t>
    </rPh>
    <phoneticPr fontId="3"/>
  </si>
  <si>
    <t>３号明細書</t>
    <rPh sb="1" eb="2">
      <t>ゴウ</t>
    </rPh>
    <rPh sb="2" eb="5">
      <t>メイサイショ</t>
    </rPh>
    <phoneticPr fontId="3"/>
  </si>
  <si>
    <t>処分費</t>
    <rPh sb="0" eb="2">
      <t>ショブン</t>
    </rPh>
    <rPh sb="2" eb="3">
      <t>ヒ</t>
    </rPh>
    <phoneticPr fontId="3"/>
  </si>
  <si>
    <t>鉛蓄電池処分費</t>
    <rPh sb="0" eb="1">
      <t>ナマリ</t>
    </rPh>
    <rPh sb="1" eb="4">
      <t>チクデンチ</t>
    </rPh>
    <rPh sb="4" eb="6">
      <t>ショブン</t>
    </rPh>
    <rPh sb="6" eb="7">
      <t>ヒ</t>
    </rPh>
    <phoneticPr fontId="3"/>
  </si>
  <si>
    <t>人</t>
  </si>
  <si>
    <t>直接工事費</t>
    <phoneticPr fontId="3"/>
  </si>
  <si>
    <t>共通仮設費率計算額</t>
    <rPh sb="5" eb="6">
      <t>リツ</t>
    </rPh>
    <rPh sb="6" eb="8">
      <t>ケイサン</t>
    </rPh>
    <rPh sb="8" eb="9">
      <t>ガク</t>
    </rPh>
    <phoneticPr fontId="3"/>
  </si>
  <si>
    <t>純工事費</t>
    <rPh sb="0" eb="1">
      <t>ジュン</t>
    </rPh>
    <rPh sb="1" eb="4">
      <t>コウジヒ</t>
    </rPh>
    <phoneticPr fontId="3"/>
  </si>
  <si>
    <t>現場管理費</t>
    <rPh sb="0" eb="2">
      <t>ゲンバ</t>
    </rPh>
    <rPh sb="2" eb="4">
      <t>カンリ</t>
    </rPh>
    <rPh sb="4" eb="5">
      <t>ヒ</t>
    </rPh>
    <phoneticPr fontId="3"/>
  </si>
  <si>
    <t>現場管理費率計算額</t>
    <rPh sb="0" eb="2">
      <t>ゲンバ</t>
    </rPh>
    <rPh sb="2" eb="4">
      <t>カンリ</t>
    </rPh>
    <rPh sb="4" eb="5">
      <t>ヒ</t>
    </rPh>
    <rPh sb="5" eb="6">
      <t>リツ</t>
    </rPh>
    <rPh sb="6" eb="8">
      <t>ケイサン</t>
    </rPh>
    <rPh sb="8" eb="9">
      <t>ガク</t>
    </rPh>
    <phoneticPr fontId="3"/>
  </si>
  <si>
    <t>工事原価</t>
    <rPh sb="0" eb="2">
      <t>コウジ</t>
    </rPh>
    <rPh sb="2" eb="4">
      <t>ゲンカ</t>
    </rPh>
    <phoneticPr fontId="3"/>
  </si>
  <si>
    <t>一般管理費等</t>
    <rPh sb="0" eb="2">
      <t>イッパン</t>
    </rPh>
    <rPh sb="2" eb="4">
      <t>カンリ</t>
    </rPh>
    <rPh sb="4" eb="5">
      <t>ヒ</t>
    </rPh>
    <rPh sb="5" eb="6">
      <t>ナド</t>
    </rPh>
    <phoneticPr fontId="3"/>
  </si>
  <si>
    <t>一般管理費率計算額</t>
    <rPh sb="0" eb="2">
      <t>イッパン</t>
    </rPh>
    <rPh sb="2" eb="5">
      <t>カンリヒ</t>
    </rPh>
    <rPh sb="5" eb="6">
      <t>リツ</t>
    </rPh>
    <rPh sb="6" eb="8">
      <t>ケイサン</t>
    </rPh>
    <rPh sb="8" eb="9">
      <t>ガク</t>
    </rPh>
    <phoneticPr fontId="3"/>
  </si>
  <si>
    <t>工事価格</t>
    <rPh sb="0" eb="2">
      <t>コウジ</t>
    </rPh>
    <rPh sb="2" eb="4">
      <t>カカク</t>
    </rPh>
    <phoneticPr fontId="3"/>
  </si>
  <si>
    <t>　本工事は、蓄電池の老朽化が著しいため施工するものである。</t>
    <rPh sb="6" eb="9">
      <t>チクデンチ</t>
    </rPh>
    <rPh sb="10" eb="13">
      <t>ロウキュウカ</t>
    </rPh>
    <rPh sb="14" eb="15">
      <t>イチジル</t>
    </rPh>
    <phoneticPr fontId="77"/>
  </si>
  <si>
    <t>四日市市小牧町及び緑丘町地内</t>
    <rPh sb="0" eb="4">
      <t>ヨッカイチシ</t>
    </rPh>
    <rPh sb="4" eb="6">
      <t>コマキ</t>
    </rPh>
    <rPh sb="6" eb="7">
      <t>チョウ</t>
    </rPh>
    <rPh sb="7" eb="8">
      <t>オヨ</t>
    </rPh>
    <rPh sb="9" eb="11">
      <t>ミドリガオカ</t>
    </rPh>
    <rPh sb="11" eb="12">
      <t>チョウ</t>
    </rPh>
    <rPh sb="12" eb="13">
      <t>チ</t>
    </rPh>
    <rPh sb="13" eb="14">
      <t>ナイ</t>
    </rPh>
    <phoneticPr fontId="3"/>
  </si>
  <si>
    <t>小牧水源地及び羽津山加圧ポンプ所蓄電池取替工事</t>
    <rPh sb="0" eb="2">
      <t>コマキ</t>
    </rPh>
    <rPh sb="2" eb="5">
      <t>スイゲンチ</t>
    </rPh>
    <rPh sb="5" eb="6">
      <t>オヨ</t>
    </rPh>
    <rPh sb="7" eb="9">
      <t>ハヅ</t>
    </rPh>
    <rPh sb="9" eb="10">
      <t>ヤマ</t>
    </rPh>
    <rPh sb="10" eb="12">
      <t>カアツ</t>
    </rPh>
    <rPh sb="15" eb="16">
      <t>ジョ</t>
    </rPh>
    <rPh sb="16" eb="19">
      <t>チクデンチ</t>
    </rPh>
    <rPh sb="19" eb="21">
      <t>トリカエ</t>
    </rPh>
    <rPh sb="21" eb="23">
      <t>コウジ</t>
    </rPh>
    <phoneticPr fontId="3"/>
  </si>
  <si>
    <t>その他</t>
    <rPh sb="2" eb="3">
      <t>タ</t>
    </rPh>
    <phoneticPr fontId="3"/>
  </si>
  <si>
    <t>明示項目</t>
    <rPh sb="0" eb="2">
      <t>メイジ</t>
    </rPh>
    <rPh sb="2" eb="4">
      <t>コウモク</t>
    </rPh>
    <phoneticPr fontId="3"/>
  </si>
  <si>
    <t>明示事項</t>
    <rPh sb="0" eb="2">
      <t>メイジ</t>
    </rPh>
    <rPh sb="2" eb="4">
      <t>ジコウ</t>
    </rPh>
    <phoneticPr fontId="3"/>
  </si>
  <si>
    <t>条件及び内容</t>
    <rPh sb="0" eb="2">
      <t>ジョウケン</t>
    </rPh>
    <rPh sb="2" eb="3">
      <t>オヨ</t>
    </rPh>
    <rPh sb="4" eb="6">
      <t>ナイヨウ</t>
    </rPh>
    <phoneticPr fontId="3"/>
  </si>
  <si>
    <t>設計積算条件</t>
    <rPh sb="0" eb="2">
      <t>セッケイ</t>
    </rPh>
    <rPh sb="2" eb="4">
      <t>セキサン</t>
    </rPh>
    <rPh sb="4" eb="6">
      <t>ジョウケン</t>
    </rPh>
    <phoneticPr fontId="3"/>
  </si>
  <si>
    <t>工事工種</t>
    <rPh sb="0" eb="2">
      <t>コウジ</t>
    </rPh>
    <rPh sb="2" eb="4">
      <t>コウシュ</t>
    </rPh>
    <phoneticPr fontId="3"/>
  </si>
  <si>
    <t>上水道電気工事</t>
    <rPh sb="0" eb="3">
      <t>ジョウスイドウ</t>
    </rPh>
    <rPh sb="3" eb="5">
      <t>デンキ</t>
    </rPh>
    <rPh sb="5" eb="7">
      <t>コウジ</t>
    </rPh>
    <phoneticPr fontId="3"/>
  </si>
  <si>
    <t>積算基準</t>
    <rPh sb="0" eb="2">
      <t>セキサン</t>
    </rPh>
    <rPh sb="2" eb="4">
      <t>キジュン</t>
    </rPh>
    <phoneticPr fontId="3"/>
  </si>
  <si>
    <t xml:space="preserve">三重県県土整備部制定-平成29年７月制定版-積算基準    </t>
    <phoneticPr fontId="3"/>
  </si>
  <si>
    <t>水道事業実務必携　平成28年制定版</t>
    <rPh sb="4" eb="6">
      <t>ジツム</t>
    </rPh>
    <phoneticPr fontId="3"/>
  </si>
  <si>
    <t>公共建築工事積算基準平成28年度版</t>
    <phoneticPr fontId="3"/>
  </si>
  <si>
    <t>単価適用日</t>
    <rPh sb="0" eb="2">
      <t>タンカ</t>
    </rPh>
    <rPh sb="2" eb="4">
      <t>テキヨウ</t>
    </rPh>
    <rPh sb="4" eb="5">
      <t>ヒ</t>
    </rPh>
    <phoneticPr fontId="3"/>
  </si>
  <si>
    <t>設計単価表（三重県）</t>
    <phoneticPr fontId="3"/>
  </si>
  <si>
    <t>建設物価　平成29年8月</t>
    <rPh sb="0" eb="2">
      <t>ケンセツ</t>
    </rPh>
    <rPh sb="2" eb="4">
      <t>ブッカ</t>
    </rPh>
    <phoneticPr fontId="3"/>
  </si>
  <si>
    <t>建築施工単価　平成29年７月</t>
    <rPh sb="0" eb="2">
      <t>ケンチク</t>
    </rPh>
    <rPh sb="2" eb="4">
      <t>セコウ</t>
    </rPh>
    <rPh sb="4" eb="6">
      <t>タンカ</t>
    </rPh>
    <rPh sb="7" eb="9">
      <t>ヘイセイ</t>
    </rPh>
    <rPh sb="11" eb="12">
      <t>ネン</t>
    </rPh>
    <rPh sb="13" eb="14">
      <t>ガツ</t>
    </rPh>
    <phoneticPr fontId="3"/>
  </si>
  <si>
    <r>
      <t>平成29年４月</t>
    </r>
    <r>
      <rPr>
        <sz val="11"/>
        <color indexed="10"/>
        <rFont val="ＭＳ Ｐゴシック"/>
        <family val="3"/>
        <charset val="128"/>
      </rPr>
      <t>1</t>
    </r>
    <r>
      <rPr>
        <sz val="11"/>
        <color indexed="10"/>
        <rFont val="ＭＳ Ｐ明朝"/>
        <family val="1"/>
        <charset val="128"/>
      </rPr>
      <t>日制定版</t>
    </r>
    <rPh sb="0" eb="2">
      <t>ヘイセイ</t>
    </rPh>
    <rPh sb="4" eb="5">
      <t>ネン</t>
    </rPh>
    <rPh sb="6" eb="7">
      <t>ガツ</t>
    </rPh>
    <rPh sb="8" eb="9">
      <t>ニチ</t>
    </rPh>
    <rPh sb="9" eb="11">
      <t>セイテイ</t>
    </rPh>
    <rPh sb="11" eb="12">
      <t>バン</t>
    </rPh>
    <phoneticPr fontId="3"/>
  </si>
  <si>
    <t>積算資料　平成29年8月</t>
    <rPh sb="0" eb="2">
      <t>セキサン</t>
    </rPh>
    <rPh sb="2" eb="4">
      <t>シリョウ</t>
    </rPh>
    <rPh sb="5" eb="7">
      <t>ヘイセイ</t>
    </rPh>
    <rPh sb="9" eb="10">
      <t>ネン</t>
    </rPh>
    <rPh sb="11" eb="12">
      <t>ガツ</t>
    </rPh>
    <phoneticPr fontId="3"/>
  </si>
  <si>
    <t>建築コスト情報　平成29年７月</t>
    <rPh sb="0" eb="2">
      <t>ケンチク</t>
    </rPh>
    <rPh sb="5" eb="7">
      <t>ジョウホウ</t>
    </rPh>
    <rPh sb="8" eb="10">
      <t>ヘイセイ</t>
    </rPh>
    <rPh sb="12" eb="13">
      <t>ネン</t>
    </rPh>
    <rPh sb="14" eb="15">
      <t>ガツ</t>
    </rPh>
    <phoneticPr fontId="3"/>
  </si>
  <si>
    <t>建設機械等損料表 平成28年度版</t>
    <rPh sb="4" eb="5">
      <t>ナド</t>
    </rPh>
    <phoneticPr fontId="3"/>
  </si>
  <si>
    <t>施工区分</t>
    <rPh sb="0" eb="2">
      <t>セコウ</t>
    </rPh>
    <rPh sb="2" eb="4">
      <t>クブン</t>
    </rPh>
    <phoneticPr fontId="3"/>
  </si>
  <si>
    <t>市街地</t>
    <rPh sb="0" eb="3">
      <t>シガイチ</t>
    </rPh>
    <phoneticPr fontId="3"/>
  </si>
  <si>
    <t>山間僻地及び離島</t>
    <rPh sb="0" eb="2">
      <t>サンカン</t>
    </rPh>
    <rPh sb="2" eb="3">
      <t>ヘキ</t>
    </rPh>
    <rPh sb="3" eb="4">
      <t>チ</t>
    </rPh>
    <rPh sb="4" eb="5">
      <t>オヨ</t>
    </rPh>
    <rPh sb="6" eb="8">
      <t>リトウ</t>
    </rPh>
    <phoneticPr fontId="3"/>
  </si>
  <si>
    <t>地方部（一般交通の影響を受ける）</t>
    <rPh sb="0" eb="3">
      <t>チホウブ</t>
    </rPh>
    <rPh sb="4" eb="6">
      <t>イッパン</t>
    </rPh>
    <rPh sb="6" eb="8">
      <t>コウツウ</t>
    </rPh>
    <rPh sb="9" eb="11">
      <t>エイキョウ</t>
    </rPh>
    <rPh sb="12" eb="13">
      <t>ウ</t>
    </rPh>
    <phoneticPr fontId="3"/>
  </si>
  <si>
    <t>地方部（一般交通の影響を受けない）</t>
    <rPh sb="0" eb="3">
      <t>チホウブ</t>
    </rPh>
    <rPh sb="4" eb="6">
      <t>イッパン</t>
    </rPh>
    <rPh sb="6" eb="8">
      <t>コウツウ</t>
    </rPh>
    <rPh sb="9" eb="11">
      <t>エイキョウ</t>
    </rPh>
    <rPh sb="12" eb="13">
      <t>ウ</t>
    </rPh>
    <phoneticPr fontId="3"/>
  </si>
  <si>
    <t>一般管理費</t>
    <rPh sb="0" eb="2">
      <t>イッパン</t>
    </rPh>
    <rPh sb="2" eb="5">
      <t>カンリヒ</t>
    </rPh>
    <phoneticPr fontId="3"/>
  </si>
  <si>
    <t>工事原価500万円以下</t>
    <rPh sb="0" eb="2">
      <t>コウジ</t>
    </rPh>
    <rPh sb="2" eb="4">
      <t>ゲンカ</t>
    </rPh>
    <rPh sb="7" eb="9">
      <t>マンエン</t>
    </rPh>
    <rPh sb="9" eb="11">
      <t>イカ</t>
    </rPh>
    <phoneticPr fontId="3"/>
  </si>
  <si>
    <t>500万円を越え30億円以下</t>
    <rPh sb="3" eb="5">
      <t>マンエン</t>
    </rPh>
    <rPh sb="6" eb="7">
      <t>コ</t>
    </rPh>
    <rPh sb="10" eb="14">
      <t>オクエンイカ</t>
    </rPh>
    <phoneticPr fontId="3"/>
  </si>
  <si>
    <t>30億円を越えるもの</t>
    <rPh sb="2" eb="4">
      <t>オクエン</t>
    </rPh>
    <rPh sb="5" eb="6">
      <t>コ</t>
    </rPh>
    <phoneticPr fontId="3"/>
  </si>
  <si>
    <t>前払金支出割合補正</t>
    <rPh sb="0" eb="2">
      <t>マエバラ</t>
    </rPh>
    <rPh sb="2" eb="3">
      <t>キン</t>
    </rPh>
    <rPh sb="3" eb="5">
      <t>シシュツ</t>
    </rPh>
    <rPh sb="5" eb="7">
      <t>ワリアイ</t>
    </rPh>
    <rPh sb="7" eb="9">
      <t>ホセイ</t>
    </rPh>
    <phoneticPr fontId="3"/>
  </si>
  <si>
    <t>有</t>
    <rPh sb="0" eb="1">
      <t>アリ</t>
    </rPh>
    <phoneticPr fontId="3"/>
  </si>
  <si>
    <t>無</t>
    <rPh sb="0" eb="1">
      <t>ナ</t>
    </rPh>
    <phoneticPr fontId="3"/>
  </si>
  <si>
    <t>契約保証に係る一般管理費等率の補正</t>
    <rPh sb="0" eb="2">
      <t>ケイヤク</t>
    </rPh>
    <rPh sb="2" eb="4">
      <t>ホショウ</t>
    </rPh>
    <rPh sb="5" eb="6">
      <t>カカ</t>
    </rPh>
    <rPh sb="7" eb="9">
      <t>イッパン</t>
    </rPh>
    <rPh sb="9" eb="12">
      <t>カンリヒ</t>
    </rPh>
    <rPh sb="12" eb="13">
      <t>トウ</t>
    </rPh>
    <rPh sb="13" eb="14">
      <t>リツ</t>
    </rPh>
    <rPh sb="15" eb="17">
      <t>ホセイ</t>
    </rPh>
    <phoneticPr fontId="3"/>
  </si>
  <si>
    <t>随意契約による調整</t>
    <rPh sb="0" eb="2">
      <t>ズイイ</t>
    </rPh>
    <rPh sb="2" eb="4">
      <t>ケイヤク</t>
    </rPh>
    <rPh sb="7" eb="9">
      <t>チョウセイ</t>
    </rPh>
    <phoneticPr fontId="3"/>
  </si>
  <si>
    <t>あり</t>
    <phoneticPr fontId="3"/>
  </si>
  <si>
    <t>なし</t>
    <phoneticPr fontId="3"/>
  </si>
  <si>
    <t>工程関係</t>
    <rPh sb="0" eb="2">
      <t>コウテイ</t>
    </rPh>
    <rPh sb="2" eb="4">
      <t>カンケイ</t>
    </rPh>
    <phoneticPr fontId="3"/>
  </si>
  <si>
    <t>別途工事との工程調整</t>
    <phoneticPr fontId="3"/>
  </si>
  <si>
    <t>調整項目</t>
    <rPh sb="0" eb="2">
      <t>チョウセイ</t>
    </rPh>
    <rPh sb="2" eb="4">
      <t>コウモク</t>
    </rPh>
    <phoneticPr fontId="3"/>
  </si>
  <si>
    <t>資材等の流用</t>
    <rPh sb="0" eb="2">
      <t>シザイ</t>
    </rPh>
    <rPh sb="2" eb="3">
      <t>トウ</t>
    </rPh>
    <rPh sb="4" eb="6">
      <t>リュウヨウ</t>
    </rPh>
    <phoneticPr fontId="3"/>
  </si>
  <si>
    <t>仮設及び工事用道路等の調整</t>
  </si>
  <si>
    <t>建設機械等の調整</t>
  </si>
  <si>
    <t>施工順序の調整</t>
  </si>
  <si>
    <t>（</t>
    <phoneticPr fontId="3"/>
  </si>
  <si>
    <t>）</t>
    <phoneticPr fontId="3"/>
  </si>
  <si>
    <t>別途協議</t>
    <rPh sb="0" eb="2">
      <t>ベット</t>
    </rPh>
    <rPh sb="2" eb="4">
      <t>キョウギ</t>
    </rPh>
    <phoneticPr fontId="3"/>
  </si>
  <si>
    <t>施工時期、施工時間及び施工方法の制限</t>
    <rPh sb="0" eb="2">
      <t>セコウ</t>
    </rPh>
    <rPh sb="2" eb="4">
      <t>ジキ</t>
    </rPh>
    <rPh sb="5" eb="7">
      <t>セコウ</t>
    </rPh>
    <rPh sb="7" eb="9">
      <t>ジカン</t>
    </rPh>
    <rPh sb="9" eb="10">
      <t>オヨ</t>
    </rPh>
    <rPh sb="11" eb="13">
      <t>セコウ</t>
    </rPh>
    <rPh sb="13" eb="15">
      <t>ホウホウ</t>
    </rPh>
    <rPh sb="16" eb="18">
      <t>セイゲン</t>
    </rPh>
    <phoneticPr fontId="3"/>
  </si>
  <si>
    <t>制限する工種名</t>
    <phoneticPr fontId="3"/>
  </si>
  <si>
    <t>施工時期及び施工時間</t>
    <rPh sb="0" eb="2">
      <t>セコウ</t>
    </rPh>
    <rPh sb="2" eb="4">
      <t>ジキ</t>
    </rPh>
    <rPh sb="4" eb="5">
      <t>オヨ</t>
    </rPh>
    <rPh sb="6" eb="8">
      <t>セコウ</t>
    </rPh>
    <rPh sb="8" eb="10">
      <t>ジカン</t>
    </rPh>
    <phoneticPr fontId="3"/>
  </si>
  <si>
    <t>施工方法</t>
    <rPh sb="0" eb="2">
      <t>セコウ</t>
    </rPh>
    <rPh sb="2" eb="4">
      <t>ホウホウ</t>
    </rPh>
    <phoneticPr fontId="3"/>
  </si>
  <si>
    <t>他機関との協議</t>
    <rPh sb="0" eb="3">
      <t>タキカン</t>
    </rPh>
    <rPh sb="5" eb="7">
      <t>キョウギ</t>
    </rPh>
    <phoneticPr fontId="3"/>
  </si>
  <si>
    <t>協議が必要な機関名</t>
    <phoneticPr fontId="3"/>
  </si>
  <si>
    <t>協議完了見込み時期</t>
    <phoneticPr fontId="3"/>
  </si>
  <si>
    <t>用地関係</t>
    <rPh sb="0" eb="2">
      <t>ヨウチ</t>
    </rPh>
    <rPh sb="2" eb="4">
      <t>カンケイ</t>
    </rPh>
    <phoneticPr fontId="3"/>
  </si>
  <si>
    <t>用地補償物件の未処理箇所あり</t>
  </si>
  <si>
    <t>未処理箇所</t>
  </si>
  <si>
    <t>別添図</t>
    <rPh sb="0" eb="2">
      <t>ベッテン</t>
    </rPh>
    <rPh sb="2" eb="3">
      <t>ズ</t>
    </rPh>
    <phoneticPr fontId="3"/>
  </si>
  <si>
    <t>№</t>
    <phoneticPr fontId="3"/>
  </si>
  <si>
    <t>～</t>
    <phoneticPr fontId="3"/>
  </si>
  <si>
    <t>完了見込み時期</t>
  </si>
  <si>
    <t>平成</t>
    <rPh sb="0" eb="2">
      <t>ヘイセイ</t>
    </rPh>
    <phoneticPr fontId="3"/>
  </si>
  <si>
    <t>年</t>
    <rPh sb="0" eb="1">
      <t>ネン</t>
    </rPh>
    <phoneticPr fontId="3"/>
  </si>
  <si>
    <t>月頃</t>
    <rPh sb="0" eb="1">
      <t>ツキ</t>
    </rPh>
    <rPh sb="1" eb="2">
      <t>コロ</t>
    </rPh>
    <phoneticPr fontId="3"/>
  </si>
  <si>
    <t>）</t>
    <phoneticPr fontId="3"/>
  </si>
  <si>
    <t>仮設ヤードあり</t>
    <rPh sb="0" eb="2">
      <t>カセツ</t>
    </rPh>
    <phoneticPr fontId="3"/>
  </si>
  <si>
    <t>仮設ヤード</t>
    <rPh sb="0" eb="2">
      <t>カセツ</t>
    </rPh>
    <phoneticPr fontId="3"/>
  </si>
  <si>
    <t>（</t>
    <phoneticPr fontId="3"/>
  </si>
  <si>
    <t>官有地</t>
    <rPh sb="0" eb="3">
      <t>カンユウチ</t>
    </rPh>
    <phoneticPr fontId="3"/>
  </si>
  <si>
    <t>民有地</t>
    <rPh sb="0" eb="3">
      <t>ミンユウチ</t>
    </rPh>
    <phoneticPr fontId="3"/>
  </si>
  <si>
    <t>仮設ヤード使用期間</t>
    <rPh sb="0" eb="2">
      <t>カセツ</t>
    </rPh>
    <rPh sb="5" eb="7">
      <t>シヨウ</t>
    </rPh>
    <rPh sb="7" eb="9">
      <t>キカン</t>
    </rPh>
    <phoneticPr fontId="3"/>
  </si>
  <si>
    <t>仮設ヤードからの運搬距離</t>
    <rPh sb="0" eb="2">
      <t>カセツ</t>
    </rPh>
    <rPh sb="8" eb="10">
      <t>ウンパン</t>
    </rPh>
    <rPh sb="10" eb="12">
      <t>キョリ</t>
    </rPh>
    <phoneticPr fontId="3"/>
  </si>
  <si>
    <t>（L=</t>
    <phoneticPr fontId="3"/>
  </si>
  <si>
    <t>Km）</t>
    <phoneticPr fontId="3"/>
  </si>
  <si>
    <t>使用条件・復旧方法</t>
    <rPh sb="0" eb="2">
      <t>シヨウ</t>
    </rPh>
    <rPh sb="2" eb="4">
      <t>ジョウケン</t>
    </rPh>
    <rPh sb="5" eb="7">
      <t>フッキュウ</t>
    </rPh>
    <rPh sb="7" eb="9">
      <t>ホウホウ</t>
    </rPh>
    <phoneticPr fontId="3"/>
  </si>
  <si>
    <t>公害対策関係</t>
    <rPh sb="0" eb="2">
      <t>コウガイ</t>
    </rPh>
    <rPh sb="2" eb="4">
      <t>タイサク</t>
    </rPh>
    <rPh sb="4" eb="6">
      <t>カンケイ</t>
    </rPh>
    <phoneticPr fontId="3"/>
  </si>
  <si>
    <t>施工方法の制限あり</t>
    <rPh sb="0" eb="2">
      <t>セコウ</t>
    </rPh>
    <rPh sb="2" eb="4">
      <t>ホウホウ</t>
    </rPh>
    <rPh sb="5" eb="7">
      <t>セイゲン</t>
    </rPh>
    <phoneticPr fontId="3"/>
  </si>
  <si>
    <t>制限項目</t>
    <rPh sb="0" eb="2">
      <t>セイゲン</t>
    </rPh>
    <rPh sb="2" eb="4">
      <t>コウモク</t>
    </rPh>
    <phoneticPr fontId="3"/>
  </si>
  <si>
    <t>騒音</t>
    <rPh sb="0" eb="2">
      <t>ソウオン</t>
    </rPh>
    <phoneticPr fontId="3"/>
  </si>
  <si>
    <t>振動</t>
    <rPh sb="0" eb="2">
      <t>シンドウ</t>
    </rPh>
    <phoneticPr fontId="3"/>
  </si>
  <si>
    <t>水質</t>
    <rPh sb="0" eb="2">
      <t>スイシツ</t>
    </rPh>
    <phoneticPr fontId="3"/>
  </si>
  <si>
    <t>粉じん</t>
    <rPh sb="0" eb="1">
      <t>フン</t>
    </rPh>
    <phoneticPr fontId="3"/>
  </si>
  <si>
    <t>排出ガス</t>
    <rPh sb="0" eb="2">
      <t>ハイシュツ</t>
    </rPh>
    <phoneticPr fontId="3"/>
  </si>
  <si>
    <t>指定工法名</t>
    <rPh sb="0" eb="2">
      <t>シテイ</t>
    </rPh>
    <rPh sb="2" eb="4">
      <t>コウホウ</t>
    </rPh>
    <rPh sb="4" eb="5">
      <t>メイ</t>
    </rPh>
    <phoneticPr fontId="3"/>
  </si>
  <si>
    <t>事業損失防止に関する調査あり</t>
    <phoneticPr fontId="3"/>
  </si>
  <si>
    <t>調査項目</t>
    <rPh sb="0" eb="2">
      <t>チョウサ</t>
    </rPh>
    <rPh sb="2" eb="4">
      <t>コウモク</t>
    </rPh>
    <phoneticPr fontId="3"/>
  </si>
  <si>
    <t>騒音測定</t>
    <rPh sb="0" eb="2">
      <t>ソウオン</t>
    </rPh>
    <rPh sb="2" eb="4">
      <t>ソクテイ</t>
    </rPh>
    <phoneticPr fontId="3"/>
  </si>
  <si>
    <t>振動測定</t>
    <rPh sb="0" eb="2">
      <t>シンドウ</t>
    </rPh>
    <rPh sb="2" eb="4">
      <t>ソクテイ</t>
    </rPh>
    <phoneticPr fontId="3"/>
  </si>
  <si>
    <t>水質測定</t>
    <rPh sb="0" eb="2">
      <t>スイシツ</t>
    </rPh>
    <rPh sb="2" eb="4">
      <t>ソクテイ</t>
    </rPh>
    <phoneticPr fontId="3"/>
  </si>
  <si>
    <t>近接家屋の事前・事後調査</t>
    <rPh sb="0" eb="2">
      <t>キンセツ</t>
    </rPh>
    <rPh sb="2" eb="4">
      <t>カオク</t>
    </rPh>
    <rPh sb="5" eb="7">
      <t>ジゼン</t>
    </rPh>
    <rPh sb="8" eb="10">
      <t>ジゴ</t>
    </rPh>
    <rPh sb="10" eb="12">
      <t>チョウサ</t>
    </rPh>
    <phoneticPr fontId="3"/>
  </si>
  <si>
    <t>地盤沈下測定</t>
    <rPh sb="0" eb="2">
      <t>ジバン</t>
    </rPh>
    <rPh sb="2" eb="4">
      <t>チンカ</t>
    </rPh>
    <rPh sb="4" eb="6">
      <t>ソクテイ</t>
    </rPh>
    <phoneticPr fontId="3"/>
  </si>
  <si>
    <t>地下水位等の測定</t>
    <rPh sb="0" eb="2">
      <t>チカ</t>
    </rPh>
    <rPh sb="2" eb="4">
      <t>スイイ</t>
    </rPh>
    <rPh sb="4" eb="5">
      <t>トウ</t>
    </rPh>
    <rPh sb="6" eb="8">
      <t>ソクテイ</t>
    </rPh>
    <phoneticPr fontId="3"/>
  </si>
  <si>
    <t>別途協議</t>
    <phoneticPr fontId="3"/>
  </si>
  <si>
    <t>調査方法</t>
    <rPh sb="0" eb="2">
      <t>チョウサ</t>
    </rPh>
    <rPh sb="2" eb="4">
      <t>ホウホウ</t>
    </rPh>
    <phoneticPr fontId="3"/>
  </si>
  <si>
    <t>別途資料</t>
    <rPh sb="0" eb="2">
      <t>ベット</t>
    </rPh>
    <rPh sb="2" eb="4">
      <t>シリョウ</t>
    </rPh>
    <phoneticPr fontId="3"/>
  </si>
  <si>
    <t>工事用道路関係</t>
    <rPh sb="0" eb="3">
      <t>コウジヨウ</t>
    </rPh>
    <rPh sb="3" eb="5">
      <t>ドウロ</t>
    </rPh>
    <rPh sb="5" eb="7">
      <t>カンケイ</t>
    </rPh>
    <phoneticPr fontId="3"/>
  </si>
  <si>
    <t>交通安全施設等の指定あり</t>
    <phoneticPr fontId="3"/>
  </si>
  <si>
    <t>交通安全施設等の配置</t>
  </si>
  <si>
    <t>別途図面</t>
    <rPh sb="0" eb="2">
      <t>ベット</t>
    </rPh>
    <rPh sb="2" eb="4">
      <t>ズメン</t>
    </rPh>
    <phoneticPr fontId="3"/>
  </si>
  <si>
    <t>(</t>
    <phoneticPr fontId="3"/>
  </si>
  <si>
    <t>交通管理要員の配置</t>
    <rPh sb="2" eb="4">
      <t>カンリ</t>
    </rPh>
    <rPh sb="4" eb="6">
      <t>ヨウイン</t>
    </rPh>
    <rPh sb="7" eb="9">
      <t>ハイチ</t>
    </rPh>
    <phoneticPr fontId="3"/>
  </si>
  <si>
    <t>)</t>
    <phoneticPr fontId="3"/>
  </si>
  <si>
    <t>別途仕様書</t>
    <rPh sb="0" eb="2">
      <t>ベット</t>
    </rPh>
    <rPh sb="2" eb="5">
      <t>シヨウショ</t>
    </rPh>
    <phoneticPr fontId="3"/>
  </si>
  <si>
    <t>配置人員数</t>
    <rPh sb="0" eb="2">
      <t>ハイチ</t>
    </rPh>
    <rPh sb="2" eb="4">
      <t>ジンイン</t>
    </rPh>
    <rPh sb="4" eb="5">
      <t>スウ</t>
    </rPh>
    <phoneticPr fontId="3"/>
  </si>
  <si>
    <t>人）</t>
    <rPh sb="0" eb="1">
      <t>ニン</t>
    </rPh>
    <phoneticPr fontId="3"/>
  </si>
  <si>
    <t>工事施工期間において工事箇所の前後に各1名計2名を配置する。（※配置方法を示す。）</t>
    <rPh sb="0" eb="2">
      <t>コウジ</t>
    </rPh>
    <rPh sb="2" eb="4">
      <t>セコウ</t>
    </rPh>
    <rPh sb="4" eb="6">
      <t>キカン</t>
    </rPh>
    <rPh sb="10" eb="12">
      <t>コウジ</t>
    </rPh>
    <rPh sb="12" eb="14">
      <t>カショ</t>
    </rPh>
    <rPh sb="15" eb="17">
      <t>ゼンゴ</t>
    </rPh>
    <rPh sb="18" eb="19">
      <t>カク</t>
    </rPh>
    <rPh sb="20" eb="21">
      <t>メイ</t>
    </rPh>
    <rPh sb="21" eb="22">
      <t>ケイ</t>
    </rPh>
    <rPh sb="23" eb="24">
      <t>メイ</t>
    </rPh>
    <rPh sb="25" eb="27">
      <t>ハイチ</t>
    </rPh>
    <rPh sb="32" eb="34">
      <t>ハイチ</t>
    </rPh>
    <rPh sb="34" eb="36">
      <t>ホウホウ</t>
    </rPh>
    <rPh sb="37" eb="38">
      <t>シメ</t>
    </rPh>
    <phoneticPr fontId="3"/>
  </si>
  <si>
    <t>（注：配置人員の変更は原則行なわないものとする。）</t>
    <rPh sb="1" eb="2">
      <t>チュウ</t>
    </rPh>
    <rPh sb="3" eb="5">
      <t>ハイチ</t>
    </rPh>
    <rPh sb="5" eb="7">
      <t>ジンイン</t>
    </rPh>
    <rPh sb="8" eb="10">
      <t>ヘンコウ</t>
    </rPh>
    <rPh sb="11" eb="13">
      <t>ゲンソク</t>
    </rPh>
    <rPh sb="13" eb="14">
      <t>オコ</t>
    </rPh>
    <phoneticPr fontId="3"/>
  </si>
  <si>
    <t>近接公共施設等に対する制限</t>
    <rPh sb="0" eb="2">
      <t>キンセツ</t>
    </rPh>
    <rPh sb="2" eb="4">
      <t>コウキョウ</t>
    </rPh>
    <rPh sb="4" eb="6">
      <t>シセツ</t>
    </rPh>
    <rPh sb="6" eb="7">
      <t>トウ</t>
    </rPh>
    <rPh sb="8" eb="9">
      <t>タイ</t>
    </rPh>
    <rPh sb="11" eb="13">
      <t>セイゲン</t>
    </rPh>
    <phoneticPr fontId="3"/>
  </si>
  <si>
    <t>施工時間の制限</t>
    <rPh sb="0" eb="2">
      <t>セコウ</t>
    </rPh>
    <rPh sb="2" eb="4">
      <t>ジカン</t>
    </rPh>
    <rPh sb="5" eb="7">
      <t>セイゲン</t>
    </rPh>
    <phoneticPr fontId="3"/>
  </si>
  <si>
    <t>工法制限あり</t>
    <rPh sb="0" eb="2">
      <t>コウホウ</t>
    </rPh>
    <rPh sb="2" eb="4">
      <t>セイゲン</t>
    </rPh>
    <phoneticPr fontId="3"/>
  </si>
  <si>
    <t>・近接公共施設名等</t>
    <rPh sb="1" eb="3">
      <t>キンセツ</t>
    </rPh>
    <rPh sb="3" eb="5">
      <t>コウキョウ</t>
    </rPh>
    <rPh sb="5" eb="7">
      <t>シセツ</t>
    </rPh>
    <rPh sb="7" eb="8">
      <t>メイ</t>
    </rPh>
    <rPh sb="8" eb="9">
      <t>トウ</t>
    </rPh>
    <phoneticPr fontId="3"/>
  </si>
  <si>
    <t>鉄道</t>
    <rPh sb="0" eb="2">
      <t>テツドウ</t>
    </rPh>
    <phoneticPr fontId="3"/>
  </si>
  <si>
    <t>電気</t>
    <rPh sb="0" eb="2">
      <t>デンキ</t>
    </rPh>
    <phoneticPr fontId="3"/>
  </si>
  <si>
    <t>電話</t>
    <rPh sb="0" eb="2">
      <t>デンワ</t>
    </rPh>
    <phoneticPr fontId="3"/>
  </si>
  <si>
    <t>水道</t>
    <rPh sb="0" eb="2">
      <t>スイドウ</t>
    </rPh>
    <phoneticPr fontId="3"/>
  </si>
  <si>
    <t>ガス</t>
    <phoneticPr fontId="3"/>
  </si>
  <si>
    <t>(</t>
    <phoneticPr fontId="3"/>
  </si>
  <si>
    <t>)</t>
    <phoneticPr fontId="3"/>
  </si>
  <si>
    <t>・制限を受ける工種</t>
    <rPh sb="1" eb="3">
      <t>セイゲン</t>
    </rPh>
    <rPh sb="4" eb="5">
      <t>ウ</t>
    </rPh>
    <rPh sb="7" eb="9">
      <t>コウシュ</t>
    </rPh>
    <phoneticPr fontId="3"/>
  </si>
  <si>
    <t>（</t>
    <phoneticPr fontId="3"/>
  </si>
  <si>
    <t>）</t>
    <phoneticPr fontId="3"/>
  </si>
  <si>
    <t>・制限内容</t>
    <rPh sb="1" eb="3">
      <t>セイゲン</t>
    </rPh>
    <rPh sb="3" eb="5">
      <t>ナイヨウ</t>
    </rPh>
    <phoneticPr fontId="3"/>
  </si>
  <si>
    <t>土砂崩落・発破作業に対する防護施設等に指定あり</t>
    <phoneticPr fontId="3"/>
  </si>
  <si>
    <t>安全防護施設等の配置</t>
    <rPh sb="0" eb="2">
      <t>アンゼン</t>
    </rPh>
    <rPh sb="2" eb="4">
      <t>ボウゴ</t>
    </rPh>
    <rPh sb="4" eb="6">
      <t>シセツ</t>
    </rPh>
    <rPh sb="6" eb="7">
      <t>トウ</t>
    </rPh>
    <rPh sb="8" eb="10">
      <t>ハイチ</t>
    </rPh>
    <phoneticPr fontId="3"/>
  </si>
  <si>
    <t>保安要員の配置</t>
    <rPh sb="0" eb="2">
      <t>ホアン</t>
    </rPh>
    <rPh sb="2" eb="4">
      <t>ヨウイン</t>
    </rPh>
    <rPh sb="5" eb="7">
      <t>ハイチ</t>
    </rPh>
    <phoneticPr fontId="3"/>
  </si>
  <si>
    <t>イメージアップ経費適用工事</t>
    <phoneticPr fontId="3"/>
  </si>
  <si>
    <t>イメージアップの内容（率分）</t>
  </si>
  <si>
    <t>イメージアップの内容（積上）</t>
  </si>
  <si>
    <t>仮設備関係</t>
    <phoneticPr fontId="3"/>
  </si>
  <si>
    <t>仮設備の設計条件あり</t>
    <rPh sb="0" eb="1">
      <t>カリ</t>
    </rPh>
    <rPh sb="1" eb="3">
      <t>セツビ</t>
    </rPh>
    <rPh sb="4" eb="6">
      <t>セッケイ</t>
    </rPh>
    <rPh sb="6" eb="8">
      <t>ジョウケン</t>
    </rPh>
    <phoneticPr fontId="3"/>
  </si>
  <si>
    <t>使用期間及び借地条件</t>
    <rPh sb="0" eb="2">
      <t>シヨウ</t>
    </rPh>
    <rPh sb="2" eb="4">
      <t>キカン</t>
    </rPh>
    <rPh sb="4" eb="5">
      <t>オヨ</t>
    </rPh>
    <rPh sb="6" eb="8">
      <t>シャクチ</t>
    </rPh>
    <rPh sb="8" eb="10">
      <t>ジョウケン</t>
    </rPh>
    <phoneticPr fontId="3"/>
  </si>
  <si>
    <t>別添図面等</t>
    <rPh sb="0" eb="2">
      <t>ベッテン</t>
    </rPh>
    <rPh sb="2" eb="4">
      <t>ズメン</t>
    </rPh>
    <rPh sb="4" eb="5">
      <t>トウ</t>
    </rPh>
    <phoneticPr fontId="3"/>
  </si>
  <si>
    <t>転用あり</t>
    <rPh sb="0" eb="2">
      <t>テンヨウ</t>
    </rPh>
    <phoneticPr fontId="3"/>
  </si>
  <si>
    <t>回）</t>
    <rPh sb="0" eb="1">
      <t>カイ</t>
    </rPh>
    <phoneticPr fontId="3"/>
  </si>
  <si>
    <t>兼用あり</t>
    <rPh sb="0" eb="2">
      <t>ケンヨウ</t>
    </rPh>
    <phoneticPr fontId="3"/>
  </si>
  <si>
    <t>仮設物の構造及び施工方法の指定</t>
    <rPh sb="0" eb="2">
      <t>カセツ</t>
    </rPh>
    <rPh sb="2" eb="3">
      <t>ブツ</t>
    </rPh>
    <rPh sb="4" eb="6">
      <t>コウゾウ</t>
    </rPh>
    <rPh sb="6" eb="7">
      <t>オヨ</t>
    </rPh>
    <rPh sb="8" eb="10">
      <t>セコウ</t>
    </rPh>
    <rPh sb="10" eb="12">
      <t>ホウホウ</t>
    </rPh>
    <rPh sb="13" eb="15">
      <t>シテイ</t>
    </rPh>
    <phoneticPr fontId="3"/>
  </si>
  <si>
    <t>構造及び設計条件</t>
    <rPh sb="0" eb="2">
      <t>コウゾウ</t>
    </rPh>
    <rPh sb="2" eb="3">
      <t>オヨ</t>
    </rPh>
    <rPh sb="4" eb="6">
      <t>セッケイ</t>
    </rPh>
    <rPh sb="6" eb="8">
      <t>ジョウケン</t>
    </rPh>
    <phoneticPr fontId="3"/>
  </si>
  <si>
    <t>残土・産業廃棄物
関係</t>
    <rPh sb="0" eb="2">
      <t>ザンド</t>
    </rPh>
    <rPh sb="3" eb="5">
      <t>サンギョウ</t>
    </rPh>
    <rPh sb="5" eb="8">
      <t>ハイキブツ</t>
    </rPh>
    <phoneticPr fontId="3"/>
  </si>
  <si>
    <t>残土処分（自由処分）</t>
    <rPh sb="0" eb="2">
      <t>ザンド</t>
    </rPh>
    <rPh sb="2" eb="4">
      <t>ショブン</t>
    </rPh>
    <rPh sb="5" eb="7">
      <t>ジユウ</t>
    </rPh>
    <rPh sb="7" eb="9">
      <t>ショブン</t>
    </rPh>
    <phoneticPr fontId="3"/>
  </si>
  <si>
    <t>残土処分地</t>
    <rPh sb="0" eb="2">
      <t>ザンド</t>
    </rPh>
    <rPh sb="2" eb="4">
      <t>ショブン</t>
    </rPh>
    <rPh sb="4" eb="5">
      <t>チ</t>
    </rPh>
    <phoneticPr fontId="3"/>
  </si>
  <si>
    <t>運搬距離</t>
    <rPh sb="0" eb="2">
      <t>ウンパン</t>
    </rPh>
    <rPh sb="2" eb="4">
      <t>キョリ</t>
    </rPh>
    <phoneticPr fontId="3"/>
  </si>
  <si>
    <t>（L=</t>
    <phoneticPr fontId="3"/>
  </si>
  <si>
    <t>Km)</t>
    <phoneticPr fontId="3"/>
  </si>
  <si>
    <t>（処分先については監督員に工事打合簿にて提出すること）</t>
    <phoneticPr fontId="3"/>
  </si>
  <si>
    <t>別添図等</t>
    <rPh sb="0" eb="2">
      <t>ベッテン</t>
    </rPh>
    <rPh sb="2" eb="3">
      <t>ズ</t>
    </rPh>
    <rPh sb="3" eb="4">
      <t>トウ</t>
    </rPh>
    <phoneticPr fontId="3"/>
  </si>
  <si>
    <t>場内敷き均し</t>
    <rPh sb="0" eb="2">
      <t>ジョウナイ</t>
    </rPh>
    <rPh sb="2" eb="3">
      <t>シ</t>
    </rPh>
    <rPh sb="4" eb="5">
      <t>ナラ</t>
    </rPh>
    <phoneticPr fontId="3"/>
  </si>
  <si>
    <t>処分地の処理条件あり</t>
    <rPh sb="0" eb="2">
      <t>ショブン</t>
    </rPh>
    <rPh sb="2" eb="3">
      <t>チ</t>
    </rPh>
    <rPh sb="4" eb="6">
      <t>ショリ</t>
    </rPh>
    <rPh sb="6" eb="8">
      <t>ジョウケン</t>
    </rPh>
    <phoneticPr fontId="3"/>
  </si>
  <si>
    <t>押土整地</t>
    <rPh sb="0" eb="1">
      <t>オ</t>
    </rPh>
    <rPh sb="1" eb="2">
      <t>ツチ</t>
    </rPh>
    <rPh sb="2" eb="4">
      <t>セイチ</t>
    </rPh>
    <phoneticPr fontId="3"/>
  </si>
  <si>
    <t>残土処分（指定処分・他工事流用）</t>
    <rPh sb="0" eb="2">
      <t>ザンド</t>
    </rPh>
    <rPh sb="2" eb="4">
      <t>ショブン</t>
    </rPh>
    <rPh sb="5" eb="7">
      <t>シテイ</t>
    </rPh>
    <rPh sb="7" eb="9">
      <t>ショブン</t>
    </rPh>
    <rPh sb="10" eb="11">
      <t>タ</t>
    </rPh>
    <rPh sb="11" eb="13">
      <t>コウジ</t>
    </rPh>
    <rPh sb="13" eb="15">
      <t>リュウヨウ</t>
    </rPh>
    <phoneticPr fontId="3"/>
  </si>
  <si>
    <t>産業廃棄物の処理条件あり</t>
    <rPh sb="0" eb="2">
      <t>サンギョウ</t>
    </rPh>
    <rPh sb="2" eb="5">
      <t>ハイキブツ</t>
    </rPh>
    <rPh sb="6" eb="8">
      <t>ショリ</t>
    </rPh>
    <rPh sb="8" eb="10">
      <t>ジョウケン</t>
    </rPh>
    <phoneticPr fontId="3"/>
  </si>
  <si>
    <t>産業廃棄物の種類</t>
    <rPh sb="0" eb="2">
      <t>サンギョウ</t>
    </rPh>
    <rPh sb="2" eb="5">
      <t>ハイキブツ</t>
    </rPh>
    <rPh sb="6" eb="8">
      <t>シュルイ</t>
    </rPh>
    <phoneticPr fontId="3"/>
  </si>
  <si>
    <t>コン塊</t>
    <rPh sb="2" eb="3">
      <t>カイ</t>
    </rPh>
    <phoneticPr fontId="3"/>
  </si>
  <si>
    <t>アス塊</t>
    <rPh sb="2" eb="3">
      <t>カイ</t>
    </rPh>
    <phoneticPr fontId="3"/>
  </si>
  <si>
    <t>木材</t>
    <rPh sb="0" eb="2">
      <t>モクザイ</t>
    </rPh>
    <phoneticPr fontId="3"/>
  </si>
  <si>
    <t>汚泥</t>
    <rPh sb="0" eb="2">
      <t>オデイ</t>
    </rPh>
    <phoneticPr fontId="3"/>
  </si>
  <si>
    <t>（</t>
    <phoneticPr fontId="3"/>
  </si>
  <si>
    <t>）</t>
    <phoneticPr fontId="3"/>
  </si>
  <si>
    <t>産業廃棄物の処分地</t>
    <rPh sb="0" eb="2">
      <t>サンギョウ</t>
    </rPh>
    <rPh sb="2" eb="5">
      <t>ハイキブツ</t>
    </rPh>
    <rPh sb="6" eb="8">
      <t>ショブン</t>
    </rPh>
    <rPh sb="8" eb="9">
      <t>チ</t>
    </rPh>
    <phoneticPr fontId="3"/>
  </si>
  <si>
    <t>（L＝</t>
    <phoneticPr fontId="3"/>
  </si>
  <si>
    <t>Km)</t>
    <phoneticPr fontId="3"/>
  </si>
  <si>
    <t>再生処分地</t>
    <rPh sb="0" eb="2">
      <t>サイセイ</t>
    </rPh>
    <rPh sb="2" eb="4">
      <t>ショブン</t>
    </rPh>
    <rPh sb="4" eb="5">
      <t>チ</t>
    </rPh>
    <phoneticPr fontId="3"/>
  </si>
  <si>
    <t>最終処分地</t>
    <rPh sb="0" eb="2">
      <t>サイシュウ</t>
    </rPh>
    <rPh sb="2" eb="4">
      <t>ショブン</t>
    </rPh>
    <rPh sb="4" eb="5">
      <t>チ</t>
    </rPh>
    <phoneticPr fontId="3"/>
  </si>
  <si>
    <t>別途図書</t>
    <rPh sb="0" eb="2">
      <t>ベット</t>
    </rPh>
    <rPh sb="2" eb="4">
      <t>トショ</t>
    </rPh>
    <phoneticPr fontId="3"/>
  </si>
  <si>
    <t>処分地での処理費</t>
    <rPh sb="0" eb="2">
      <t>ショブン</t>
    </rPh>
    <rPh sb="2" eb="3">
      <t>チ</t>
    </rPh>
    <rPh sb="5" eb="7">
      <t>ショリ</t>
    </rPh>
    <rPh sb="7" eb="8">
      <t>ヒ</t>
    </rPh>
    <phoneticPr fontId="3"/>
  </si>
  <si>
    <t>計上あり</t>
    <rPh sb="0" eb="2">
      <t>ケイジョウ</t>
    </rPh>
    <phoneticPr fontId="3"/>
  </si>
  <si>
    <t>処理料</t>
    <rPh sb="0" eb="2">
      <t>ショリ</t>
    </rPh>
    <rPh sb="2" eb="3">
      <t>リョウ</t>
    </rPh>
    <phoneticPr fontId="3"/>
  </si>
  <si>
    <t>被覆土</t>
    <rPh sb="0" eb="2">
      <t>ヒフク</t>
    </rPh>
    <rPh sb="2" eb="3">
      <t>ド</t>
    </rPh>
    <phoneticPr fontId="3"/>
  </si>
  <si>
    <t>提出書類</t>
    <rPh sb="0" eb="2">
      <t>テイシュツ</t>
    </rPh>
    <rPh sb="2" eb="4">
      <t>ショルイ</t>
    </rPh>
    <phoneticPr fontId="3"/>
  </si>
  <si>
    <t>処分場の受入条件</t>
    <rPh sb="0" eb="3">
      <t>ショブンジョウ</t>
    </rPh>
    <rPh sb="4" eb="6">
      <t>ウケイレ</t>
    </rPh>
    <rPh sb="6" eb="8">
      <t>ジョウケン</t>
    </rPh>
    <phoneticPr fontId="3"/>
  </si>
  <si>
    <t>(</t>
    <phoneticPr fontId="3"/>
  </si>
  <si>
    <t>マニフェストの写し</t>
    <rPh sb="7" eb="8">
      <t>ウツ</t>
    </rPh>
    <phoneticPr fontId="3"/>
  </si>
  <si>
    <t>)</t>
    <phoneticPr fontId="3"/>
  </si>
  <si>
    <t>工事支障物件関係</t>
    <rPh sb="0" eb="2">
      <t>コウジ</t>
    </rPh>
    <rPh sb="2" eb="4">
      <t>シショウ</t>
    </rPh>
    <rPh sb="4" eb="6">
      <t>ブッケン</t>
    </rPh>
    <rPh sb="6" eb="8">
      <t>カンケイ</t>
    </rPh>
    <phoneticPr fontId="3"/>
  </si>
  <si>
    <t>工事支障物件あり</t>
    <rPh sb="0" eb="2">
      <t>コウジ</t>
    </rPh>
    <rPh sb="2" eb="4">
      <t>シショウ</t>
    </rPh>
    <rPh sb="4" eb="6">
      <t>ブッケン</t>
    </rPh>
    <phoneticPr fontId="3"/>
  </si>
  <si>
    <t>支障物件名</t>
    <rPh sb="0" eb="2">
      <t>シショウ</t>
    </rPh>
    <rPh sb="2" eb="4">
      <t>ブッケン</t>
    </rPh>
    <rPh sb="4" eb="5">
      <t>メイ</t>
    </rPh>
    <phoneticPr fontId="3"/>
  </si>
  <si>
    <t>有線</t>
    <rPh sb="0" eb="2">
      <t>ユウセン</t>
    </rPh>
    <phoneticPr fontId="3"/>
  </si>
  <si>
    <t>移設時期</t>
    <rPh sb="0" eb="2">
      <t>イセツ</t>
    </rPh>
    <rPh sb="2" eb="4">
      <t>ジキ</t>
    </rPh>
    <phoneticPr fontId="3"/>
  </si>
  <si>
    <t>防護</t>
    <rPh sb="0" eb="2">
      <t>ボウゴ</t>
    </rPh>
    <phoneticPr fontId="3"/>
  </si>
  <si>
    <t>（</t>
    <phoneticPr fontId="3"/>
  </si>
  <si>
    <t>）</t>
    <phoneticPr fontId="3"/>
  </si>
  <si>
    <t>排水工関係
（濁水処理含む）</t>
    <rPh sb="0" eb="2">
      <t>ハイスイ</t>
    </rPh>
    <rPh sb="2" eb="3">
      <t>コウ</t>
    </rPh>
    <rPh sb="3" eb="5">
      <t>カンケイ</t>
    </rPh>
    <phoneticPr fontId="3"/>
  </si>
  <si>
    <t>濁水、湧水等の排水に際し、制限あり</t>
    <rPh sb="0" eb="2">
      <t>ダクスイ</t>
    </rPh>
    <rPh sb="3" eb="5">
      <t>ユウスイ</t>
    </rPh>
    <rPh sb="5" eb="6">
      <t>トウ</t>
    </rPh>
    <rPh sb="7" eb="9">
      <t>ハイスイ</t>
    </rPh>
    <rPh sb="10" eb="11">
      <t>サイ</t>
    </rPh>
    <rPh sb="13" eb="15">
      <t>セイゲン</t>
    </rPh>
    <phoneticPr fontId="3"/>
  </si>
  <si>
    <t>項目および基準値</t>
    <rPh sb="0" eb="2">
      <t>コウモク</t>
    </rPh>
    <rPh sb="5" eb="8">
      <t>キジュンチ</t>
    </rPh>
    <phoneticPr fontId="3"/>
  </si>
  <si>
    <t>※法令上乗せ制限の場合</t>
  </si>
  <si>
    <t>薬液注入関係</t>
    <rPh sb="0" eb="2">
      <t>ヤクエキ</t>
    </rPh>
    <rPh sb="2" eb="4">
      <t>チュウニュウ</t>
    </rPh>
    <rPh sb="4" eb="6">
      <t>カンケイ</t>
    </rPh>
    <phoneticPr fontId="3"/>
  </si>
  <si>
    <t>薬液注入工法等の指定あり</t>
    <rPh sb="0" eb="2">
      <t>ヤクエキ</t>
    </rPh>
    <rPh sb="2" eb="4">
      <t>チュウニュウ</t>
    </rPh>
    <rPh sb="4" eb="6">
      <t>コウホウ</t>
    </rPh>
    <rPh sb="6" eb="7">
      <t>トウ</t>
    </rPh>
    <rPh sb="8" eb="10">
      <t>シテイ</t>
    </rPh>
    <phoneticPr fontId="3"/>
  </si>
  <si>
    <t>工法区分</t>
    <rPh sb="0" eb="2">
      <t>コウホウ</t>
    </rPh>
    <rPh sb="2" eb="4">
      <t>クブン</t>
    </rPh>
    <phoneticPr fontId="3"/>
  </si>
  <si>
    <t>材料種類</t>
    <rPh sb="0" eb="2">
      <t>ザイリョウ</t>
    </rPh>
    <rPh sb="2" eb="4">
      <t>シュルイ</t>
    </rPh>
    <phoneticPr fontId="3"/>
  </si>
  <si>
    <t>施工範囲</t>
    <rPh sb="0" eb="2">
      <t>セコウ</t>
    </rPh>
    <rPh sb="2" eb="4">
      <t>ハンイ</t>
    </rPh>
    <phoneticPr fontId="3"/>
  </si>
  <si>
    <t>削孔数量</t>
    <rPh sb="0" eb="1">
      <t>ケズ</t>
    </rPh>
    <rPh sb="1" eb="2">
      <t>アナ</t>
    </rPh>
    <rPh sb="2" eb="4">
      <t>スウリョウ</t>
    </rPh>
    <phoneticPr fontId="3"/>
  </si>
  <si>
    <t>注入量</t>
    <rPh sb="0" eb="2">
      <t>チュウニュウ</t>
    </rPh>
    <rPh sb="2" eb="3">
      <t>リョウ</t>
    </rPh>
    <phoneticPr fontId="3"/>
  </si>
  <si>
    <t>提出書類あり</t>
    <rPh sb="0" eb="2">
      <t>テイシュツ</t>
    </rPh>
    <rPh sb="2" eb="4">
      <t>ショルイ</t>
    </rPh>
    <phoneticPr fontId="3"/>
  </si>
  <si>
    <t>工法関係</t>
    <rPh sb="0" eb="2">
      <t>コウホウ</t>
    </rPh>
    <rPh sb="2" eb="4">
      <t>カンケイ</t>
    </rPh>
    <phoneticPr fontId="3"/>
  </si>
  <si>
    <t>材料関係</t>
    <rPh sb="0" eb="2">
      <t>ザイリョウ</t>
    </rPh>
    <rPh sb="2" eb="4">
      <t>カンケイ</t>
    </rPh>
    <phoneticPr fontId="3"/>
  </si>
  <si>
    <t>注入量の確認</t>
    <rPh sb="0" eb="2">
      <t>チュウニュウ</t>
    </rPh>
    <rPh sb="2" eb="3">
      <t>リョウ</t>
    </rPh>
    <rPh sb="4" eb="6">
      <t>カクニン</t>
    </rPh>
    <phoneticPr fontId="3"/>
  </si>
  <si>
    <t>注入の管理及び注入の効果確認</t>
    <rPh sb="0" eb="2">
      <t>チュウニュウ</t>
    </rPh>
    <rPh sb="3" eb="5">
      <t>カンリ</t>
    </rPh>
    <rPh sb="5" eb="6">
      <t>オヨ</t>
    </rPh>
    <rPh sb="7" eb="9">
      <t>チュウニュウ</t>
    </rPh>
    <rPh sb="10" eb="12">
      <t>コウカ</t>
    </rPh>
    <rPh sb="12" eb="14">
      <t>カクニン</t>
    </rPh>
    <phoneticPr fontId="3"/>
  </si>
  <si>
    <t>再生材料使用関係</t>
    <rPh sb="0" eb="2">
      <t>サイセイ</t>
    </rPh>
    <rPh sb="2" eb="4">
      <t>ザイリョウ</t>
    </rPh>
    <rPh sb="4" eb="6">
      <t>シヨウ</t>
    </rPh>
    <rPh sb="6" eb="8">
      <t>カンケイ</t>
    </rPh>
    <phoneticPr fontId="3"/>
  </si>
  <si>
    <t>再生材使用の指定あり</t>
    <rPh sb="0" eb="2">
      <t>サイセイ</t>
    </rPh>
    <rPh sb="2" eb="3">
      <t>ザイ</t>
    </rPh>
    <rPh sb="3" eb="5">
      <t>シヨウ</t>
    </rPh>
    <rPh sb="6" eb="8">
      <t>シテイ</t>
    </rPh>
    <phoneticPr fontId="3"/>
  </si>
  <si>
    <t>再生材の種類</t>
    <rPh sb="0" eb="2">
      <t>サイセイ</t>
    </rPh>
    <rPh sb="2" eb="3">
      <t>ザイ</t>
    </rPh>
    <rPh sb="4" eb="6">
      <t>シュルイ</t>
    </rPh>
    <phoneticPr fontId="3"/>
  </si>
  <si>
    <t>再生Asコン</t>
    <rPh sb="0" eb="2">
      <t>サイセイ</t>
    </rPh>
    <phoneticPr fontId="3"/>
  </si>
  <si>
    <t>再生路盤材</t>
    <rPh sb="0" eb="2">
      <t>サイセイ</t>
    </rPh>
    <rPh sb="2" eb="4">
      <t>ロバン</t>
    </rPh>
    <rPh sb="4" eb="5">
      <t>ザイ</t>
    </rPh>
    <phoneticPr fontId="3"/>
  </si>
  <si>
    <t>再生クラシャーラン</t>
    <rPh sb="0" eb="2">
      <t>サイセイ</t>
    </rPh>
    <phoneticPr fontId="3"/>
  </si>
  <si>
    <t>道路用盛土材</t>
    <rPh sb="0" eb="2">
      <t>ドウロ</t>
    </rPh>
    <rPh sb="2" eb="3">
      <t>ヨウ</t>
    </rPh>
    <rPh sb="3" eb="4">
      <t>モ</t>
    </rPh>
    <rPh sb="4" eb="5">
      <t>ツチ</t>
    </rPh>
    <rPh sb="5" eb="6">
      <t>ザイ</t>
    </rPh>
    <phoneticPr fontId="3"/>
  </si>
  <si>
    <t>再生材が使用できない時の措置</t>
    <rPh sb="0" eb="2">
      <t>サイセイ</t>
    </rPh>
    <rPh sb="2" eb="3">
      <t>ザイ</t>
    </rPh>
    <rPh sb="4" eb="6">
      <t>シヨウ</t>
    </rPh>
    <rPh sb="10" eb="11">
      <t>トキ</t>
    </rPh>
    <rPh sb="12" eb="14">
      <t>ソチ</t>
    </rPh>
    <phoneticPr fontId="3"/>
  </si>
  <si>
    <t>新材に変更</t>
    <rPh sb="0" eb="1">
      <t>シン</t>
    </rPh>
    <rPh sb="1" eb="2">
      <t>ザイ</t>
    </rPh>
    <rPh sb="3" eb="5">
      <t>ヘンコウ</t>
    </rPh>
    <phoneticPr fontId="3"/>
  </si>
  <si>
    <t>三重県リサイクル製品推進条例に基づく認定製品の使用</t>
    <rPh sb="0" eb="3">
      <t>ミエケン</t>
    </rPh>
    <rPh sb="8" eb="10">
      <t>セイヒン</t>
    </rPh>
    <rPh sb="10" eb="12">
      <t>スイシン</t>
    </rPh>
    <rPh sb="12" eb="14">
      <t>ジョウレイ</t>
    </rPh>
    <rPh sb="15" eb="16">
      <t>モト</t>
    </rPh>
    <rPh sb="18" eb="20">
      <t>ニンテイ</t>
    </rPh>
    <rPh sb="20" eb="22">
      <t>セイヒン</t>
    </rPh>
    <rPh sb="23" eb="25">
      <t>シヨウ</t>
    </rPh>
    <phoneticPr fontId="3"/>
  </si>
  <si>
    <t>三重県リサイクル製品利用推進条例に基づく認定製品を使用する。</t>
    <rPh sb="0" eb="3">
      <t>ミエケン</t>
    </rPh>
    <rPh sb="8" eb="10">
      <t>セイヒン</t>
    </rPh>
    <rPh sb="10" eb="12">
      <t>リヨウ</t>
    </rPh>
    <rPh sb="12" eb="14">
      <t>スイシン</t>
    </rPh>
    <rPh sb="14" eb="16">
      <t>ジョウレイ</t>
    </rPh>
    <rPh sb="17" eb="18">
      <t>モト</t>
    </rPh>
    <rPh sb="20" eb="22">
      <t>ニンテイ</t>
    </rPh>
    <rPh sb="22" eb="24">
      <t>セイヒン</t>
    </rPh>
    <rPh sb="25" eb="27">
      <t>シヨウ</t>
    </rPh>
    <phoneticPr fontId="3"/>
  </si>
  <si>
    <t>（認定製品の品名：</t>
    <rPh sb="1" eb="3">
      <t>ニンテイ</t>
    </rPh>
    <rPh sb="3" eb="5">
      <t>セイヒン</t>
    </rPh>
    <rPh sb="6" eb="8">
      <t>ヒンメイ</t>
    </rPh>
    <phoneticPr fontId="3"/>
  </si>
  <si>
    <t>三重県リサイクル製品利用推進条例に基づく認定製品を使用するように努める。</t>
    <rPh sb="0" eb="3">
      <t>ミエケン</t>
    </rPh>
    <rPh sb="8" eb="10">
      <t>セイヒン</t>
    </rPh>
    <rPh sb="10" eb="12">
      <t>リヨウ</t>
    </rPh>
    <rPh sb="12" eb="14">
      <t>スイシン</t>
    </rPh>
    <rPh sb="14" eb="16">
      <t>ジョウレイ</t>
    </rPh>
    <rPh sb="17" eb="18">
      <t>モト</t>
    </rPh>
    <rPh sb="20" eb="22">
      <t>ニンテイ</t>
    </rPh>
    <rPh sb="22" eb="24">
      <t>セイヒン</t>
    </rPh>
    <rPh sb="25" eb="27">
      <t>シヨウ</t>
    </rPh>
    <rPh sb="32" eb="33">
      <t>ツト</t>
    </rPh>
    <phoneticPr fontId="3"/>
  </si>
  <si>
    <t>【注：認定製品の品名欄については、設計単価表品名を記入すること。】</t>
    <rPh sb="1" eb="2">
      <t>チュウ</t>
    </rPh>
    <rPh sb="3" eb="5">
      <t>ニンテイ</t>
    </rPh>
    <rPh sb="5" eb="7">
      <t>セイヒン</t>
    </rPh>
    <rPh sb="8" eb="10">
      <t>ヒンメイ</t>
    </rPh>
    <rPh sb="10" eb="11">
      <t>ラン</t>
    </rPh>
    <rPh sb="17" eb="19">
      <t>セッケイ</t>
    </rPh>
    <rPh sb="19" eb="21">
      <t>タンカ</t>
    </rPh>
    <rPh sb="21" eb="22">
      <t>ヒョウ</t>
    </rPh>
    <rPh sb="22" eb="24">
      <t>ヒンメイ</t>
    </rPh>
    <rPh sb="25" eb="27">
      <t>キニュウ</t>
    </rPh>
    <phoneticPr fontId="3"/>
  </si>
  <si>
    <t>工事用機材の保管</t>
    <rPh sb="0" eb="2">
      <t>コウジ</t>
    </rPh>
    <rPh sb="2" eb="3">
      <t>ヨウ</t>
    </rPh>
    <rPh sb="3" eb="5">
      <t>キザイ</t>
    </rPh>
    <rPh sb="6" eb="8">
      <t>ホカン</t>
    </rPh>
    <phoneticPr fontId="3"/>
  </si>
  <si>
    <t>保管場所</t>
    <rPh sb="0" eb="2">
      <t>ホカン</t>
    </rPh>
    <rPh sb="2" eb="4">
      <t>バショ</t>
    </rPh>
    <phoneticPr fontId="3"/>
  </si>
  <si>
    <t>期間</t>
    <rPh sb="0" eb="2">
      <t>キカン</t>
    </rPh>
    <phoneticPr fontId="3"/>
  </si>
  <si>
    <t>（</t>
    <phoneticPr fontId="3"/>
  </si>
  <si>
    <t>）</t>
    <phoneticPr fontId="3"/>
  </si>
  <si>
    <t>現場発生品あり</t>
    <rPh sb="0" eb="2">
      <t>ゲンバ</t>
    </rPh>
    <rPh sb="2" eb="4">
      <t>ハッセイ</t>
    </rPh>
    <rPh sb="4" eb="5">
      <t>ヒン</t>
    </rPh>
    <phoneticPr fontId="3"/>
  </si>
  <si>
    <t>現場発生品の種類</t>
    <rPh sb="0" eb="2">
      <t>ゲンバ</t>
    </rPh>
    <rPh sb="2" eb="4">
      <t>ハッセイ</t>
    </rPh>
    <rPh sb="4" eb="5">
      <t>ヒン</t>
    </rPh>
    <rPh sb="6" eb="8">
      <t>シュルイ</t>
    </rPh>
    <phoneticPr fontId="80"/>
  </si>
  <si>
    <t>撤去機器</t>
    <rPh sb="0" eb="2">
      <t>テッキョ</t>
    </rPh>
    <rPh sb="2" eb="4">
      <t>キキ</t>
    </rPh>
    <phoneticPr fontId="80"/>
  </si>
  <si>
    <t>撤去電線類</t>
    <rPh sb="0" eb="2">
      <t>テッキョ</t>
    </rPh>
    <rPh sb="2" eb="4">
      <t>デンセン</t>
    </rPh>
    <rPh sb="4" eb="5">
      <t>ルイ</t>
    </rPh>
    <phoneticPr fontId="80"/>
  </si>
  <si>
    <t>その他</t>
    <rPh sb="2" eb="3">
      <t>タ</t>
    </rPh>
    <phoneticPr fontId="80"/>
  </si>
  <si>
    <t>（</t>
    <phoneticPr fontId="80"/>
  </si>
  <si>
    <t>ton）</t>
    <phoneticPr fontId="80"/>
  </si>
  <si>
    <t>kg）</t>
    <phoneticPr fontId="80"/>
  </si>
  <si>
    <t>支給品あり</t>
    <rPh sb="0" eb="2">
      <t>シキュウ</t>
    </rPh>
    <rPh sb="2" eb="3">
      <t>ヒン</t>
    </rPh>
    <phoneticPr fontId="3"/>
  </si>
  <si>
    <t>品名</t>
    <rPh sb="0" eb="2">
      <t>ヒンメイ</t>
    </rPh>
    <phoneticPr fontId="3"/>
  </si>
  <si>
    <t>数量</t>
    <rPh sb="0" eb="2">
      <t>スウリョウ</t>
    </rPh>
    <phoneticPr fontId="3"/>
  </si>
  <si>
    <t>引渡場所</t>
    <rPh sb="0" eb="2">
      <t>ヒキワタシ</t>
    </rPh>
    <rPh sb="2" eb="4">
      <t>バショ</t>
    </rPh>
    <phoneticPr fontId="3"/>
  </si>
  <si>
    <t>時期</t>
    <rPh sb="0" eb="2">
      <t>ジキ</t>
    </rPh>
    <phoneticPr fontId="3"/>
  </si>
  <si>
    <t>（平成</t>
    <rPh sb="1" eb="3">
      <t>ヘイセイ</t>
    </rPh>
    <phoneticPr fontId="3"/>
  </si>
  <si>
    <t>月</t>
    <rPh sb="0" eb="1">
      <t>ガツ</t>
    </rPh>
    <phoneticPr fontId="3"/>
  </si>
  <si>
    <t>日</t>
    <rPh sb="0" eb="1">
      <t>ニチ</t>
    </rPh>
    <phoneticPr fontId="3"/>
  </si>
  <si>
    <t>）</t>
    <phoneticPr fontId="3"/>
  </si>
  <si>
    <t>（</t>
    <phoneticPr fontId="3"/>
  </si>
  <si>
    <t>引渡場所、時期は別途協議</t>
    <rPh sb="0" eb="2">
      <t>ヒキワタ</t>
    </rPh>
    <rPh sb="2" eb="4">
      <t>バショ</t>
    </rPh>
    <rPh sb="5" eb="7">
      <t>ジキ</t>
    </rPh>
    <rPh sb="8" eb="10">
      <t>ベット</t>
    </rPh>
    <rPh sb="10" eb="12">
      <t>キョウギ</t>
    </rPh>
    <phoneticPr fontId="3"/>
  </si>
  <si>
    <t>盛土材料等工事間流用あり</t>
    <rPh sb="0" eb="1">
      <t>モ</t>
    </rPh>
    <rPh sb="1" eb="2">
      <t>ツチ</t>
    </rPh>
    <rPh sb="2" eb="4">
      <t>ザイリョウ</t>
    </rPh>
    <rPh sb="4" eb="5">
      <t>トウ</t>
    </rPh>
    <rPh sb="5" eb="7">
      <t>コウジ</t>
    </rPh>
    <rPh sb="7" eb="8">
      <t>カン</t>
    </rPh>
    <rPh sb="8" eb="10">
      <t>リュウヨウ</t>
    </rPh>
    <phoneticPr fontId="3"/>
  </si>
  <si>
    <t>運搬方法</t>
    <rPh sb="0" eb="2">
      <t>ウンパン</t>
    </rPh>
    <rPh sb="2" eb="4">
      <t>ホウホウ</t>
    </rPh>
    <phoneticPr fontId="3"/>
  </si>
  <si>
    <t>受注者で運搬</t>
    <rPh sb="4" eb="6">
      <t>ウンパン</t>
    </rPh>
    <phoneticPr fontId="3"/>
  </si>
  <si>
    <t>受注者以外で運搬</t>
    <rPh sb="3" eb="5">
      <t>イガイ</t>
    </rPh>
    <rPh sb="6" eb="8">
      <t>ウンパン</t>
    </rPh>
    <phoneticPr fontId="3"/>
  </si>
  <si>
    <t>Ｌ＝</t>
    <phoneticPr fontId="3"/>
  </si>
  <si>
    <t>Km)</t>
    <phoneticPr fontId="3"/>
  </si>
  <si>
    <t>随時検査</t>
    <rPh sb="0" eb="2">
      <t>ズイジ</t>
    </rPh>
    <rPh sb="2" eb="4">
      <t>ケンサ</t>
    </rPh>
    <phoneticPr fontId="3"/>
  </si>
  <si>
    <t>適用条件</t>
    <rPh sb="0" eb="2">
      <t>テキヨウ</t>
    </rPh>
    <rPh sb="2" eb="4">
      <t>ジョウケン</t>
    </rPh>
    <phoneticPr fontId="3"/>
  </si>
  <si>
    <t>三重県公共工事共通仕様書（平成28年7月版）を準用</t>
    <phoneticPr fontId="3"/>
  </si>
  <si>
    <t>（部分改定を行った内容も含む（最新改定平成　年　月　日））</t>
  </si>
  <si>
    <t>「土木構造物設計マニュアル（案）</t>
    <rPh sb="1" eb="3">
      <t>ドボク</t>
    </rPh>
    <rPh sb="3" eb="5">
      <t>コウゾウ</t>
    </rPh>
    <rPh sb="5" eb="6">
      <t>ブツ</t>
    </rPh>
    <rPh sb="6" eb="8">
      <t>セッケイ</t>
    </rPh>
    <rPh sb="14" eb="15">
      <t>アン</t>
    </rPh>
    <phoneticPr fontId="3"/>
  </si>
  <si>
    <t>(</t>
    <phoneticPr fontId="3"/>
  </si>
  <si>
    <t>)</t>
    <phoneticPr fontId="3"/>
  </si>
  <si>
    <t>（注）</t>
    <rPh sb="1" eb="2">
      <t>チュウ</t>
    </rPh>
    <phoneticPr fontId="3"/>
  </si>
  <si>
    <t>上記受託業務事項・条件および内容のレ印当該欄は作業に当たって制約を受けることになるので明示する。</t>
    <phoneticPr fontId="3"/>
  </si>
  <si>
    <t>明示事項に変更が生じた場合及び明示されていない制約等が発生したときは、甲（発注者）と別途協議し適切な措置を講ずるものとする。</t>
    <rPh sb="0" eb="2">
      <t>メイジ</t>
    </rPh>
    <rPh sb="2" eb="4">
      <t>ジコウ</t>
    </rPh>
    <rPh sb="5" eb="7">
      <t>ヘンコウ</t>
    </rPh>
    <rPh sb="8" eb="9">
      <t>ショウ</t>
    </rPh>
    <rPh sb="11" eb="13">
      <t>バアイ</t>
    </rPh>
    <rPh sb="13" eb="14">
      <t>オヨ</t>
    </rPh>
    <rPh sb="15" eb="17">
      <t>メイジ</t>
    </rPh>
    <rPh sb="23" eb="25">
      <t>セイヤク</t>
    </rPh>
    <rPh sb="25" eb="26">
      <t>トウ</t>
    </rPh>
    <rPh sb="27" eb="29">
      <t>ハッセイ</t>
    </rPh>
    <rPh sb="35" eb="36">
      <t>コウ</t>
    </rPh>
    <rPh sb="37" eb="40">
      <t>ハッチュウシャ</t>
    </rPh>
    <rPh sb="42" eb="44">
      <t>ベット</t>
    </rPh>
    <rPh sb="44" eb="46">
      <t>キョウギ</t>
    </rPh>
    <rPh sb="47" eb="49">
      <t>テキセツ</t>
    </rPh>
    <rPh sb="50" eb="52">
      <t>ソチ</t>
    </rPh>
    <rPh sb="53" eb="54">
      <t>コウ</t>
    </rPh>
    <phoneticPr fontId="3"/>
  </si>
  <si>
    <t>別途協議とは、設計・現場説明又は工事打ち合わせ等により協議するものとする。</t>
    <rPh sb="0" eb="2">
      <t>ベット</t>
    </rPh>
    <rPh sb="2" eb="4">
      <t>キョウギ</t>
    </rPh>
    <rPh sb="7" eb="9">
      <t>セッケイ</t>
    </rPh>
    <rPh sb="10" eb="12">
      <t>ゲンバ</t>
    </rPh>
    <rPh sb="12" eb="14">
      <t>セツメイ</t>
    </rPh>
    <rPh sb="14" eb="15">
      <t>マタ</t>
    </rPh>
    <rPh sb="16" eb="18">
      <t>コウジ</t>
    </rPh>
    <rPh sb="18" eb="19">
      <t>ウ</t>
    </rPh>
    <rPh sb="20" eb="21">
      <t>ア</t>
    </rPh>
    <rPh sb="23" eb="24">
      <t>トウ</t>
    </rPh>
    <rPh sb="27" eb="29">
      <t>キョウギ</t>
    </rPh>
    <phoneticPr fontId="3"/>
  </si>
  <si>
    <t>蓄電池</t>
    <rPh sb="0" eb="3">
      <t>チクデンチ</t>
    </rPh>
    <phoneticPr fontId="80"/>
  </si>
  <si>
    <t>（受注者は四日市市検査規程第8条第6項の規定により、発注者が随時検査を求めた場合は、監督員の指示に従い受検すること。）</t>
    <rPh sb="1" eb="3">
      <t>ジュチュウ</t>
    </rPh>
    <rPh sb="3" eb="4">
      <t>シャ</t>
    </rPh>
    <rPh sb="5" eb="9">
      <t>ヨッカイチシ</t>
    </rPh>
    <rPh sb="9" eb="11">
      <t>ケンサ</t>
    </rPh>
    <rPh sb="13" eb="14">
      <t>ダイ</t>
    </rPh>
    <rPh sb="15" eb="16">
      <t>ジョウ</t>
    </rPh>
    <rPh sb="16" eb="17">
      <t>ダイ</t>
    </rPh>
    <rPh sb="18" eb="19">
      <t>コウ</t>
    </rPh>
    <rPh sb="26" eb="29">
      <t>ハッチュウシャ</t>
    </rPh>
    <rPh sb="30" eb="32">
      <t>ズイジ</t>
    </rPh>
    <rPh sb="32" eb="34">
      <t>ケンサ</t>
    </rPh>
    <rPh sb="35" eb="36">
      <t>モト</t>
    </rPh>
    <rPh sb="38" eb="40">
      <t>バアイ</t>
    </rPh>
    <rPh sb="42" eb="44">
      <t>カントク</t>
    </rPh>
    <rPh sb="44" eb="45">
      <t>イン</t>
    </rPh>
    <rPh sb="46" eb="48">
      <t>シジ</t>
    </rPh>
    <rPh sb="49" eb="50">
      <t>シタガ</t>
    </rPh>
    <rPh sb="51" eb="53">
      <t>ジュケン</t>
    </rPh>
    <phoneticPr fontId="3"/>
  </si>
  <si>
    <t>送水ポンプ2号用</t>
    <rPh sb="0" eb="2">
      <t>ソウスイ</t>
    </rPh>
    <rPh sb="6" eb="7">
      <t>ゴウ</t>
    </rPh>
    <rPh sb="7" eb="8">
      <t>ヨウ</t>
    </rPh>
    <phoneticPr fontId="3"/>
  </si>
  <si>
    <t>送水ポンプ４号用</t>
  </si>
  <si>
    <t>一式</t>
    <rPh sb="0" eb="2">
      <t>イッシキ</t>
    </rPh>
    <phoneticPr fontId="3"/>
  </si>
  <si>
    <t>発電機用</t>
    <rPh sb="0" eb="3">
      <t>ハツデンキ</t>
    </rPh>
    <rPh sb="3" eb="4">
      <t>ヨウ</t>
    </rPh>
    <phoneticPr fontId="3"/>
  </si>
  <si>
    <t>　　　　MSE-100-6</t>
    <phoneticPr fontId="3"/>
  </si>
  <si>
    <t>　　　　MSE-500</t>
    <phoneticPr fontId="3"/>
  </si>
  <si>
    <t>　　　　HS-150E</t>
    <phoneticPr fontId="3"/>
  </si>
  <si>
    <t>　小牧水源地</t>
    <phoneticPr fontId="3"/>
  </si>
  <si>
    <t>　羽津山加圧ポンプ所</t>
    <phoneticPr fontId="3"/>
  </si>
  <si>
    <t>12セル</t>
  </si>
  <si>
    <t>小牧水源地及び羽津山加圧ポンプ所蓄電池取替工事</t>
  </si>
  <si>
    <t>四日市市小牧町及び緑丘町地内</t>
  </si>
  <si>
    <t>据置鉛蓄電池</t>
  </si>
  <si>
    <t>MSE-500</t>
  </si>
  <si>
    <t>個</t>
  </si>
  <si>
    <t>HS-150E</t>
  </si>
  <si>
    <t>MSE-100-6</t>
  </si>
  <si>
    <t>電気通信
技術者</t>
  </si>
  <si>
    <t>据付</t>
  </si>
  <si>
    <t>電工</t>
  </si>
  <si>
    <t>撤去・据付</t>
  </si>
</sst>
</file>

<file path=xl/styles.xml><?xml version="1.0" encoding="utf-8"?>
<styleSheet xmlns="http://schemas.openxmlformats.org/spreadsheetml/2006/main" xmlns:mc="http://schemas.openxmlformats.org/markup-compatibility/2006" xmlns:x14ac="http://schemas.microsoft.com/office/spreadsheetml/2009/9/ac" mc:Ignorable="x14ac">
  <numFmts count="52">
    <numFmt numFmtId="5" formatCode="&quot;¥&quot;#,##0;&quot;¥&quot;\-#,##0"/>
    <numFmt numFmtId="6" formatCode="&quot;¥&quot;#,##0;[Red]&quot;¥&quot;\-#,##0"/>
    <numFmt numFmtId="8" formatCode="&quot;¥&quot;#,##0.00;[Red]&quot;¥&quot;\-#,##0.00"/>
    <numFmt numFmtId="42" formatCode="_ &quot;¥&quot;* #,##0_ ;_ &quot;¥&quot;* \-#,##0_ ;_ &quot;¥&quot;* &quot;-&quot;_ ;_ @_ "/>
    <numFmt numFmtId="41" formatCode="_ * #,##0_ ;_ * \-#,##0_ ;_ * &quot;-&quot;_ ;_ @_ "/>
    <numFmt numFmtId="176" formatCode="#,##0_ "/>
    <numFmt numFmtId="177" formatCode="0.00_ "/>
    <numFmt numFmtId="178" formatCode="0.000"/>
    <numFmt numFmtId="179" formatCode="&quot;(&quot;#,##0&quot;)&quot;"/>
    <numFmt numFmtId="180" formatCode="[$-411]ggge&quot;年&quot;m&quot;月&quot;d&quot;日&quot;;@"/>
    <numFmt numFmtId="181" formatCode="&quot;第 &quot;\ #&quot; 号&quot;"/>
    <numFmt numFmtId="182" formatCode="#,##0.0"/>
    <numFmt numFmtId="183" formatCode="0.000_ "/>
    <numFmt numFmtId="184" formatCode="hh:mm\ \T\K"/>
    <numFmt numFmtId="185" formatCode=";;;"/>
    <numFmt numFmtId="186" formatCode="_(&quot;$&quot;* #,##0_);_(&quot;$&quot;* \(#,##0\);_(&quot;$&quot;* &quot;-&quot;_);_(@_)"/>
    <numFmt numFmtId="187" formatCode="_(&quot;$&quot;* #,##0.00_);_(&quot;$&quot;* \(#,##0.00\);_(&quot;$&quot;* &quot;-&quot;??_);_(@_)"/>
    <numFmt numFmtId="188" formatCode="mm/dd/yy\ h:mm"/>
    <numFmt numFmtId="189" formatCode="mmmm/dd/yyyy\ h:mm"/>
    <numFmt numFmtId="190" formatCode="_-* #,##0.0_-;\-* #,##0.0_-;_-* &quot;-&quot;??_-;_-@_-"/>
    <numFmt numFmtId="191" formatCode="0.00000%"/>
    <numFmt numFmtId="192" formatCode="&quot;¥&quot;#,##0.0;[Red]&quot;¥&quot;\-#,##0.0"/>
    <numFmt numFmtId="193" formatCode="_(* #,##0_);_(* \(#,##0\);_(* &quot;-&quot;??_);_(@_)"/>
    <numFmt numFmtId="194" formatCode="&quot;$&quot;#,##0.00"/>
    <numFmt numFmtId="195" formatCode="#,##0&quot; &quot;"/>
    <numFmt numFmtId="196" formatCode="&quot;[&quot;#,##0&quot;]&quot;"/>
    <numFmt numFmtId="197" formatCode="\(#,##0\)"/>
    <numFmt numFmtId="198" formatCode="#,##0\ &quot;&quot;"/>
    <numFmt numFmtId="199" formatCode="#,##0\ "/>
    <numFmt numFmtId="200" formatCode="#,##0\ &quot; x&quot;"/>
    <numFmt numFmtId="201" formatCode="\(#,##0\);\(\(#,##0\)\)"/>
    <numFmt numFmtId="202" formatCode="#,##0.0000;[Red]\-#,##0.0000"/>
    <numFmt numFmtId="203" formatCode="#,##0\ &quot; +&quot;"/>
    <numFmt numFmtId="204" formatCode="#,##0_);[Red]\(#,##0\)"/>
    <numFmt numFmtId="205" formatCode="0.0000_ "/>
    <numFmt numFmtId="206" formatCode="\-#,##0_ "/>
    <numFmt numFmtId="207" formatCode="&quot;[&quot;#,##0&quot;]&quot;\+"/>
    <numFmt numFmtId="208" formatCode="&quot;×&quot;#&quot;%&quot;"/>
    <numFmt numFmtId="209" formatCode="[$-411]ge\.m\.d;@"/>
    <numFmt numFmtId="210" formatCode="0.0000"/>
    <numFmt numFmtId="211" formatCode="0_ "/>
    <numFmt numFmtId="212" formatCode="#,##0.0;[Red]\-#,##0.0"/>
    <numFmt numFmtId="213" formatCode="#,##0\ ;\-#,##0\ ;_ * &quot;- &quot;_ ;_ @_ "/>
    <numFmt numFmtId="214" formatCode="_(&quot;¥&quot;* #,##0_);_(&quot;¥&quot;* \(#,##0\);_(&quot;¥&quot;* &quot;-&quot;??_);_(@_)"/>
    <numFmt numFmtId="215" formatCode="###0"/>
    <numFmt numFmtId="216" formatCode="#,##0\-;&quot;▲&quot;#,##0\-"/>
    <numFmt numFmtId="217" formatCode="&quot;¥&quot;#,##0\-;&quot;¥&quot;&quot;▲&quot;#,##0\-"/>
    <numFmt numFmtId="218" formatCode="0.0"/>
    <numFmt numFmtId="219" formatCode="#,##0\ ;[Red]\-#,##0\ "/>
    <numFmt numFmtId="220" formatCode="###0.0;[Red]\-###0.0"/>
    <numFmt numFmtId="221" formatCode="###0.00;[Red]\-###0.00"/>
    <numFmt numFmtId="222" formatCode="#,##0.000\ ;[Red]\-#,##0.000\ "/>
  </numFmts>
  <fonts count="91">
    <font>
      <sz val="11"/>
      <color theme="1"/>
      <name val="ＭＳ Ｐゴシック"/>
      <family val="3"/>
      <charset val="128"/>
      <scheme val="minor"/>
    </font>
    <font>
      <sz val="11"/>
      <color theme="1"/>
      <name val="ＭＳ Ｐゴシック"/>
      <family val="2"/>
      <charset val="128"/>
      <scheme val="minor"/>
    </font>
    <font>
      <sz val="11"/>
      <color indexed="8"/>
      <name val="ＭＳ Ｐゴシック"/>
      <family val="3"/>
      <charset val="128"/>
    </font>
    <font>
      <sz val="6"/>
      <name val="ＭＳ Ｐゴシック"/>
      <family val="3"/>
      <charset val="128"/>
    </font>
    <font>
      <sz val="11"/>
      <name val="ＭＳ Ｐゴシック"/>
      <family val="3"/>
      <charset val="128"/>
    </font>
    <font>
      <sz val="6"/>
      <name val="ＭＳ Ｐゴシック"/>
      <family val="3"/>
      <charset val="128"/>
    </font>
    <font>
      <sz val="11"/>
      <name val="ＭＳ Ｐ明朝"/>
      <family val="1"/>
      <charset val="128"/>
    </font>
    <font>
      <sz val="10"/>
      <name val="ＭＳ Ｐゴシック"/>
      <family val="3"/>
      <charset val="128"/>
    </font>
    <font>
      <b/>
      <sz val="16"/>
      <name val="ＭＳ Ｐ明朝"/>
      <family val="1"/>
      <charset val="128"/>
    </font>
    <font>
      <sz val="14"/>
      <name val="ＭＳ Ｐ明朝"/>
      <family val="1"/>
      <charset val="128"/>
    </font>
    <font>
      <b/>
      <sz val="22"/>
      <name val="ＭＳ Ｐ明朝"/>
      <family val="1"/>
      <charset val="128"/>
    </font>
    <font>
      <b/>
      <sz val="18"/>
      <name val="ＭＳ Ｐ明朝"/>
      <family val="1"/>
      <charset val="128"/>
    </font>
    <font>
      <sz val="9"/>
      <name val="ＭＳ Ｐ明朝"/>
      <family val="1"/>
      <charset val="128"/>
    </font>
    <font>
      <sz val="12"/>
      <name val="ＭＳ Ｐ明朝"/>
      <family val="1"/>
      <charset val="128"/>
    </font>
    <font>
      <sz val="18"/>
      <name val="ＭＳ Ｐ明朝"/>
      <family val="1"/>
      <charset val="128"/>
    </font>
    <font>
      <sz val="10"/>
      <name val="ＭＳ Ｐ明朝"/>
      <family val="1"/>
      <charset val="128"/>
    </font>
    <font>
      <sz val="11"/>
      <name val="ＭＳ 明朝"/>
      <family val="1"/>
      <charset val="128"/>
    </font>
    <font>
      <sz val="11"/>
      <color indexed="8"/>
      <name val="ＭＳ Ｐゴシック"/>
      <family val="3"/>
      <charset val="128"/>
    </font>
    <font>
      <sz val="11"/>
      <color indexed="9"/>
      <name val="ＭＳ Ｐゴシック"/>
      <family val="3"/>
      <charset val="128"/>
    </font>
    <font>
      <b/>
      <sz val="12"/>
      <name val="Arial"/>
      <family val="2"/>
    </font>
    <font>
      <sz val="10"/>
      <name val="Arial"/>
      <family val="2"/>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name val="明朝"/>
      <family val="1"/>
      <charset val="128"/>
    </font>
    <font>
      <sz val="14"/>
      <name val="ＭＳ 明朝"/>
      <family val="1"/>
      <charset val="128"/>
    </font>
    <font>
      <sz val="11"/>
      <color indexed="17"/>
      <name val="ＭＳ Ｐゴシック"/>
      <family val="3"/>
      <charset val="128"/>
    </font>
    <font>
      <sz val="16"/>
      <name val="ＭＳ 明朝"/>
      <family val="1"/>
      <charset val="128"/>
    </font>
    <font>
      <sz val="10"/>
      <name val="明朝"/>
      <family val="1"/>
      <charset val="128"/>
    </font>
    <font>
      <sz val="10"/>
      <color indexed="8"/>
      <name val="Arial"/>
      <family val="2"/>
    </font>
    <font>
      <b/>
      <sz val="12"/>
      <name val="Helv"/>
      <family val="2"/>
    </font>
    <font>
      <u/>
      <sz val="10"/>
      <color indexed="14"/>
      <name val="MS Sans Serif"/>
      <family val="2"/>
    </font>
    <font>
      <sz val="8"/>
      <name val="Arial"/>
      <family val="2"/>
    </font>
    <font>
      <u/>
      <sz val="8"/>
      <color indexed="12"/>
      <name val="Times New Roman"/>
      <family val="1"/>
    </font>
    <font>
      <sz val="9"/>
      <name val="Times New Roman"/>
      <family val="1"/>
    </font>
    <font>
      <sz val="14"/>
      <name val="Terminal"/>
      <family val="3"/>
      <charset val="255"/>
    </font>
    <font>
      <b/>
      <sz val="11"/>
      <name val="Helv"/>
      <family val="2"/>
    </font>
    <font>
      <sz val="10"/>
      <name val="Helv"/>
      <family val="2"/>
    </font>
    <font>
      <sz val="12"/>
      <name val="ＭＳ 明朝"/>
      <family val="1"/>
      <charset val="128"/>
    </font>
    <font>
      <sz val="18"/>
      <name val="ＭＳ 明朝"/>
      <family val="1"/>
      <charset val="128"/>
    </font>
    <font>
      <sz val="10"/>
      <name val="ＭＳ 明朝"/>
      <family val="1"/>
      <charset val="128"/>
    </font>
    <font>
      <sz val="9"/>
      <name val="ＭＳ 明朝"/>
      <family val="1"/>
      <charset val="128"/>
    </font>
    <font>
      <sz val="10"/>
      <name val="ＭＳ ゴシック"/>
      <family val="3"/>
      <charset val="128"/>
    </font>
    <font>
      <sz val="6"/>
      <name val="ＭＳ Ｐゴシック"/>
      <family val="3"/>
      <charset val="128"/>
    </font>
    <font>
      <sz val="7"/>
      <name val="ＭＳ ゴシック"/>
      <family val="3"/>
      <charset val="128"/>
    </font>
    <font>
      <sz val="7"/>
      <name val="ＭＳ Ｐゴシック"/>
      <family val="3"/>
      <charset val="128"/>
    </font>
    <font>
      <b/>
      <sz val="16"/>
      <name val="ＭＳ ゴシック"/>
      <family val="3"/>
      <charset val="128"/>
    </font>
    <font>
      <sz val="7"/>
      <name val="ＭＳ Ｐ明朝"/>
      <family val="1"/>
      <charset val="128"/>
    </font>
    <font>
      <b/>
      <sz val="16"/>
      <name val="ＭＳ Ｐゴシック"/>
      <family val="3"/>
      <charset val="128"/>
    </font>
    <font>
      <sz val="12"/>
      <name val="ＭＳ Ｐゴシック"/>
      <family val="3"/>
      <charset val="128"/>
    </font>
    <font>
      <sz val="11"/>
      <name val="¾©"/>
      <family val="1"/>
    </font>
    <font>
      <sz val="12"/>
      <name val="Arial"/>
      <family val="2"/>
    </font>
    <font>
      <sz val="12"/>
      <name val="ＭＳ ゴシック"/>
      <family val="3"/>
      <charset val="128"/>
    </font>
    <font>
      <sz val="10"/>
      <name val="MS Sans Serif"/>
      <family val="2"/>
    </font>
    <font>
      <b/>
      <sz val="10"/>
      <name val="MS Sans Serif"/>
      <family val="2"/>
    </font>
    <font>
      <sz val="8"/>
      <color indexed="16"/>
      <name val="Century Schoolbook"/>
      <family val="1"/>
    </font>
    <font>
      <b/>
      <i/>
      <sz val="10"/>
      <name val="Times New Roman"/>
      <family val="1"/>
    </font>
    <font>
      <b/>
      <sz val="9"/>
      <name val="Times New Roman"/>
      <family val="1"/>
    </font>
    <font>
      <sz val="11"/>
      <color indexed="10"/>
      <name val="ＭＳ 明朝"/>
      <family val="1"/>
      <charset val="128"/>
    </font>
    <font>
      <b/>
      <sz val="16"/>
      <color indexed="8"/>
      <name val="ＭＳ Ｐゴシック"/>
      <family val="3"/>
      <charset val="128"/>
    </font>
    <font>
      <sz val="11"/>
      <name val="ＪＳ明朝"/>
      <family val="1"/>
      <charset val="128"/>
    </font>
    <font>
      <sz val="16"/>
      <color indexed="8"/>
      <name val="ＭＳ Ｐゴシック"/>
      <family val="3"/>
      <charset val="128"/>
    </font>
    <font>
      <sz val="9"/>
      <name val="明朝"/>
      <family val="1"/>
      <charset val="128"/>
    </font>
    <font>
      <sz val="14"/>
      <color indexed="8"/>
      <name val="ＭＳ 明朝"/>
      <family val="1"/>
      <charset val="128"/>
    </font>
    <font>
      <sz val="12"/>
      <name val="明朝"/>
      <family val="1"/>
      <charset val="128"/>
    </font>
    <font>
      <sz val="8"/>
      <name val="明朝"/>
      <family val="1"/>
      <charset val="128"/>
    </font>
    <font>
      <sz val="6"/>
      <name val="ＭＳ 明朝"/>
      <family val="1"/>
      <charset val="128"/>
    </font>
    <font>
      <sz val="11"/>
      <color theme="1"/>
      <name val="ＭＳ Ｐゴシック"/>
      <family val="3"/>
      <charset val="128"/>
      <scheme val="minor"/>
    </font>
    <font>
      <sz val="11"/>
      <name val="ＭＳ Ｐゴシック"/>
      <family val="3"/>
      <charset val="128"/>
      <scheme val="minor"/>
    </font>
    <font>
      <sz val="6"/>
      <name val="ＭＳ Ｐゴシック"/>
      <family val="3"/>
      <charset val="128"/>
      <scheme val="minor"/>
    </font>
    <font>
      <sz val="11"/>
      <name val="Times New Roman"/>
      <family val="1"/>
    </font>
    <font>
      <sz val="12"/>
      <name val="Times New Roman"/>
      <family val="1"/>
    </font>
    <font>
      <sz val="9"/>
      <name val="細明朝体"/>
      <family val="3"/>
      <charset val="128"/>
    </font>
    <font>
      <sz val="14"/>
      <name val="ＭＳ ゴシック"/>
      <family val="3"/>
      <charset val="128"/>
    </font>
    <font>
      <sz val="16"/>
      <name val="ＭＳ ゴシック"/>
      <family val="3"/>
      <charset val="128"/>
    </font>
    <font>
      <sz val="20"/>
      <name val="ＭＳ ゴシック"/>
      <family val="3"/>
      <charset val="128"/>
    </font>
    <font>
      <sz val="11"/>
      <color rgb="FFFF0000"/>
      <name val="ＭＳ Ｐ明朝"/>
      <family val="1"/>
      <charset val="128"/>
    </font>
    <font>
      <sz val="11"/>
      <color indexed="10"/>
      <name val="ＭＳ Ｐ明朝"/>
      <family val="1"/>
      <charset val="128"/>
    </font>
    <font>
      <sz val="8"/>
      <name val="ＭＳ Ｐ明朝"/>
      <family val="1"/>
      <charset val="128"/>
    </font>
    <font>
      <sz val="12"/>
      <name val="リュウミンライト−ＫＬ"/>
      <family val="3"/>
      <charset val="128"/>
    </font>
  </fonts>
  <fills count="31">
    <fill>
      <patternFill patternType="none"/>
    </fill>
    <fill>
      <patternFill patternType="gray125"/>
    </fill>
    <fill>
      <patternFill patternType="solid">
        <fgColor indexed="42"/>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22"/>
        <bgColor indexed="64"/>
      </patternFill>
    </fill>
    <fill>
      <patternFill patternType="solid">
        <fgColor indexed="26"/>
        <bgColor indexed="64"/>
      </patternFill>
    </fill>
    <fill>
      <patternFill patternType="solid">
        <fgColor indexed="9"/>
        <bgColor indexed="64"/>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43"/>
        <bgColor indexed="64"/>
      </patternFill>
    </fill>
    <fill>
      <patternFill patternType="solid">
        <fgColor indexed="9"/>
      </patternFill>
    </fill>
    <fill>
      <patternFill patternType="solid">
        <fgColor indexed="22"/>
      </patternFill>
    </fill>
    <fill>
      <patternFill patternType="solid">
        <fgColor indexed="9"/>
        <bgColor indexed="9"/>
      </patternFill>
    </fill>
  </fills>
  <borders count="101">
    <border>
      <left/>
      <right/>
      <top/>
      <bottom/>
      <diagonal/>
    </border>
    <border>
      <left style="thin">
        <color indexed="64"/>
      </left>
      <right/>
      <top/>
      <bottom style="hair">
        <color indexed="64"/>
      </bottom>
      <diagonal/>
    </border>
    <border>
      <left style="thin">
        <color indexed="64"/>
      </left>
      <right style="hair">
        <color indexed="64"/>
      </right>
      <top style="hair">
        <color indexed="64"/>
      </top>
      <bottom style="hair">
        <color indexed="64"/>
      </bottom>
      <diagonal/>
    </border>
    <border>
      <left/>
      <right/>
      <top style="medium">
        <color indexed="64"/>
      </top>
      <bottom/>
      <diagonal/>
    </border>
    <border>
      <left/>
      <right/>
      <top style="medium">
        <color indexed="64"/>
      </top>
      <bottom style="medium">
        <color indexed="64"/>
      </bottom>
      <diagonal/>
    </border>
    <border>
      <left/>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bottom style="medium">
        <color indexed="64"/>
      </bottom>
      <diagonal/>
    </border>
    <border>
      <left style="double">
        <color indexed="63"/>
      </left>
      <right style="double">
        <color indexed="63"/>
      </right>
      <top style="double">
        <color indexed="63"/>
      </top>
      <bottom style="double">
        <color indexed="63"/>
      </bottom>
      <diagonal/>
    </border>
    <border>
      <left style="hair">
        <color indexed="64"/>
      </left>
      <right/>
      <top style="thin">
        <color indexed="64"/>
      </top>
      <bottom style="hair">
        <color indexed="64"/>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hair">
        <color indexed="64"/>
      </left>
      <right style="hair">
        <color indexed="64"/>
      </right>
      <top style="hair">
        <color indexed="64"/>
      </top>
      <bottom/>
      <diagonal/>
    </border>
    <border>
      <left style="thin">
        <color indexed="23"/>
      </left>
      <right style="thin">
        <color indexed="23"/>
      </right>
      <top style="thin">
        <color indexed="23"/>
      </top>
      <bottom style="thin">
        <color indexed="23"/>
      </bottom>
      <diagonal/>
    </border>
    <border>
      <left style="thin">
        <color indexed="64"/>
      </left>
      <right style="thin">
        <color indexed="64"/>
      </right>
      <top/>
      <bottom style="thin">
        <color indexed="64"/>
      </bottom>
      <diagonal/>
    </border>
    <border>
      <left style="hair">
        <color indexed="12"/>
      </left>
      <right/>
      <top/>
      <bottom style="hair">
        <color indexed="12"/>
      </bottom>
      <diagonal/>
    </border>
    <border>
      <left/>
      <right/>
      <top/>
      <bottom style="thick">
        <color indexed="62"/>
      </bottom>
      <diagonal/>
    </border>
    <border>
      <left/>
      <right/>
      <top/>
      <bottom style="thick">
        <color indexed="22"/>
      </bottom>
      <diagonal/>
    </border>
    <border>
      <left/>
      <right/>
      <top/>
      <bottom style="medium">
        <color indexed="30"/>
      </bottom>
      <diagonal/>
    </border>
    <border>
      <left style="hair">
        <color indexed="64"/>
      </left>
      <right/>
      <top/>
      <bottom style="hair">
        <color indexed="64"/>
      </bottom>
      <diagonal/>
    </border>
    <border>
      <left style="medium">
        <color indexed="8"/>
      </left>
      <right/>
      <top style="medium">
        <color indexed="8"/>
      </top>
      <bottom style="thin">
        <color indexed="8"/>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8"/>
      </left>
      <right/>
      <top/>
      <bottom style="thin">
        <color indexed="8"/>
      </bottom>
      <diagonal/>
    </border>
    <border>
      <left style="thin">
        <color indexed="64"/>
      </left>
      <right/>
      <top/>
      <bottom style="thin">
        <color indexed="64"/>
      </bottom>
      <diagonal/>
    </border>
    <border>
      <left style="hair">
        <color indexed="64"/>
      </left>
      <right style="hair">
        <color indexed="64"/>
      </right>
      <top style="hair">
        <color indexed="64"/>
      </top>
      <bottom style="hair">
        <color indexed="64"/>
      </bottom>
      <diagonal/>
    </border>
    <border>
      <left style="dotted">
        <color indexed="64"/>
      </left>
      <right style="dotted">
        <color indexed="64"/>
      </right>
      <top style="dotted">
        <color indexed="64"/>
      </top>
      <bottom style="dotted">
        <color indexed="64"/>
      </bottom>
      <diagonal/>
    </border>
    <border>
      <left style="thin">
        <color indexed="64"/>
      </left>
      <right/>
      <top style="medium">
        <color indexed="64"/>
      </top>
      <bottom/>
      <diagonal/>
    </border>
    <border>
      <left/>
      <right style="thin">
        <color indexed="64"/>
      </right>
      <top style="medium">
        <color indexed="64"/>
      </top>
      <bottom/>
      <diagonal/>
    </border>
    <border>
      <left/>
      <right/>
      <top/>
      <bottom style="thin">
        <color indexed="64"/>
      </bottom>
      <diagonal/>
    </border>
    <border>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medium">
        <color indexed="64"/>
      </left>
      <right style="thin">
        <color indexed="64"/>
      </right>
      <top/>
      <bottom/>
      <diagonal/>
    </border>
    <border>
      <left style="thin">
        <color indexed="64"/>
      </left>
      <right style="thin">
        <color indexed="64"/>
      </right>
      <top/>
      <bottom/>
      <diagonal/>
    </border>
    <border>
      <left style="medium">
        <color indexed="64"/>
      </left>
      <right style="thin">
        <color indexed="64"/>
      </right>
      <top/>
      <bottom style="thin">
        <color indexed="64"/>
      </bottom>
      <diagonal/>
    </border>
    <border>
      <left style="thin">
        <color indexed="64"/>
      </left>
      <right/>
      <top/>
      <bottom/>
      <diagonal/>
    </border>
    <border>
      <left/>
      <right/>
      <top style="thin">
        <color indexed="64"/>
      </top>
      <bottom/>
      <diagonal/>
    </border>
    <border>
      <left/>
      <right style="thin">
        <color indexed="64"/>
      </right>
      <top/>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medium">
        <color indexed="64"/>
      </right>
      <top/>
      <bottom/>
      <diagonal/>
    </border>
    <border>
      <left/>
      <right/>
      <top style="thin">
        <color indexed="64"/>
      </top>
      <bottom style="dotted">
        <color indexed="64"/>
      </bottom>
      <diagonal/>
    </border>
    <border>
      <left/>
      <right/>
      <top style="dotted">
        <color indexed="64"/>
      </top>
      <bottom style="dotted">
        <color indexed="64"/>
      </bottom>
      <diagonal/>
    </border>
    <border>
      <left style="thin">
        <color indexed="64"/>
      </left>
      <right style="medium">
        <color indexed="64"/>
      </right>
      <top/>
      <bottom style="thin">
        <color indexed="64"/>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top/>
      <bottom/>
      <diagonal/>
    </border>
    <border>
      <left/>
      <right style="medium">
        <color indexed="64"/>
      </right>
      <top/>
      <bottom/>
      <diagonal/>
    </border>
    <border>
      <left style="medium">
        <color indexed="64"/>
      </left>
      <right/>
      <top/>
      <bottom style="thin">
        <color indexed="64"/>
      </bottom>
      <diagonal/>
    </border>
    <border>
      <left/>
      <right style="medium">
        <color indexed="64"/>
      </right>
      <top/>
      <bottom style="thin">
        <color indexed="64"/>
      </bottom>
      <diagonal/>
    </border>
    <border>
      <left style="medium">
        <color indexed="64"/>
      </left>
      <right/>
      <top/>
      <bottom style="dotted">
        <color indexed="64"/>
      </bottom>
      <diagonal/>
    </border>
    <border>
      <left/>
      <right/>
      <top/>
      <bottom style="dotted">
        <color indexed="64"/>
      </bottom>
      <diagonal/>
    </border>
    <border>
      <left/>
      <right style="thin">
        <color indexed="64"/>
      </right>
      <top/>
      <bottom style="dotted">
        <color indexed="64"/>
      </bottom>
      <diagonal/>
    </border>
    <border>
      <left/>
      <right/>
      <top style="dotted">
        <color indexed="64"/>
      </top>
      <bottom/>
      <diagonal/>
    </border>
    <border>
      <left/>
      <right style="thin">
        <color indexed="64"/>
      </right>
      <top style="dotted">
        <color indexed="64"/>
      </top>
      <bottom/>
      <diagonal/>
    </border>
    <border>
      <left style="thin">
        <color indexed="64"/>
      </left>
      <right/>
      <top/>
      <bottom style="dotted">
        <color indexed="64"/>
      </bottom>
      <diagonal/>
    </border>
    <border>
      <left/>
      <right style="medium">
        <color indexed="64"/>
      </right>
      <top/>
      <bottom style="dotted">
        <color indexed="64"/>
      </bottom>
      <diagonal/>
    </border>
    <border>
      <left style="thin">
        <color indexed="64"/>
      </left>
      <right/>
      <top style="dotted">
        <color indexed="64"/>
      </top>
      <bottom/>
      <diagonal/>
    </border>
    <border>
      <left/>
      <right style="medium">
        <color indexed="64"/>
      </right>
      <top style="dotted">
        <color indexed="64"/>
      </top>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medium">
        <color indexed="64"/>
      </bottom>
      <diagonal/>
    </border>
    <border>
      <left style="thin">
        <color indexed="64"/>
      </left>
      <right style="thin">
        <color indexed="64"/>
      </right>
      <top/>
      <bottom style="medium">
        <color indexed="64"/>
      </bottom>
      <diagonal/>
    </border>
    <border>
      <left style="medium">
        <color indexed="64"/>
      </left>
      <right/>
      <top style="dotted">
        <color indexed="64"/>
      </top>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diagonal/>
    </border>
    <border>
      <left style="hair">
        <color indexed="64"/>
      </left>
      <right style="thin">
        <color indexed="64"/>
      </right>
      <top style="hair">
        <color indexed="64"/>
      </top>
      <bottom/>
      <diagonal/>
    </border>
    <border>
      <left style="thin">
        <color indexed="64"/>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n">
        <color indexed="64"/>
      </left>
      <right/>
      <top style="hair">
        <color indexed="64"/>
      </top>
      <bottom/>
      <diagonal/>
    </border>
    <border>
      <left style="thin">
        <color indexed="64"/>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right style="hair">
        <color indexed="64"/>
      </right>
      <top/>
      <bottom style="hair">
        <color indexed="64"/>
      </bottom>
      <diagonal/>
    </border>
    <border>
      <left style="hair">
        <color indexed="64"/>
      </left>
      <right/>
      <top style="hair">
        <color indexed="64"/>
      </top>
      <bottom/>
      <diagonal/>
    </border>
    <border>
      <left style="hair">
        <color indexed="64"/>
      </left>
      <right/>
      <top/>
      <bottom/>
      <diagonal/>
    </border>
    <border>
      <left/>
      <right style="hair">
        <color indexed="64"/>
      </right>
      <top/>
      <bottom/>
      <diagonal/>
    </border>
    <border>
      <left style="medium">
        <color indexed="64"/>
      </left>
      <right style="thin">
        <color indexed="64"/>
      </right>
      <top style="medium">
        <color indexed="64"/>
      </top>
      <bottom/>
      <diagonal/>
    </border>
    <border>
      <left/>
      <right style="medium">
        <color indexed="64"/>
      </right>
      <top style="medium">
        <color indexed="64"/>
      </top>
      <bottom/>
      <diagonal/>
    </border>
    <border>
      <left style="thin">
        <color indexed="64"/>
      </left>
      <right/>
      <top style="thin">
        <color indexed="64"/>
      </top>
      <bottom style="thin">
        <color indexed="64"/>
      </bottom>
      <diagonal/>
    </border>
    <border>
      <left style="medium">
        <color indexed="64"/>
      </left>
      <right/>
      <top/>
      <bottom style="medium">
        <color indexed="64"/>
      </bottom>
      <diagonal/>
    </border>
    <border>
      <left style="medium">
        <color indexed="64"/>
      </left>
      <right/>
      <top style="medium">
        <color indexed="64"/>
      </top>
      <bottom style="thin">
        <color indexed="64"/>
      </bottom>
      <diagonal/>
    </border>
    <border>
      <left/>
      <right/>
      <top style="thin">
        <color auto="1"/>
      </top>
      <bottom/>
      <diagonal/>
    </border>
    <border>
      <left style="double">
        <color indexed="64"/>
      </left>
      <right style="thin">
        <color indexed="64"/>
      </right>
      <top/>
      <bottom style="thin">
        <color indexed="64"/>
      </bottom>
      <diagonal/>
    </border>
    <border>
      <left/>
      <right style="thin">
        <color indexed="64"/>
      </right>
      <top/>
      <bottom style="double">
        <color indexed="64"/>
      </bottom>
      <diagonal/>
    </border>
  </borders>
  <cellStyleXfs count="244">
    <xf numFmtId="0" fontId="0" fillId="0" borderId="0">
      <alignment vertical="center"/>
    </xf>
    <xf numFmtId="186" fontId="20" fillId="0" borderId="0" applyFont="0" applyFill="0" applyBorder="0" applyAlignment="0" applyProtection="0"/>
    <xf numFmtId="187" fontId="20" fillId="0" borderId="0" applyFont="0" applyFill="0" applyBorder="0" applyAlignment="0" applyProtection="0"/>
    <xf numFmtId="0" fontId="20" fillId="0" borderId="0" applyFont="0" applyFill="0" applyBorder="0" applyAlignment="0" applyProtection="0"/>
    <xf numFmtId="0" fontId="20" fillId="0" borderId="0" applyFont="0" applyFill="0" applyBorder="0" applyAlignment="0" applyProtection="0"/>
    <xf numFmtId="0" fontId="20" fillId="0" borderId="0"/>
    <xf numFmtId="9" fontId="20" fillId="2" borderId="0"/>
    <xf numFmtId="40" fontId="61" fillId="0" borderId="0" applyFont="0" applyFill="0" applyBorder="0" applyAlignment="0" applyProtection="0"/>
    <xf numFmtId="8" fontId="61" fillId="0" borderId="0" applyFont="0" applyFill="0" applyBorder="0" applyAlignment="0" applyProtection="0"/>
    <xf numFmtId="178" fontId="39" fillId="0" borderId="1" applyFont="0" applyFill="0" applyBorder="0" applyAlignment="0" applyProtection="0"/>
    <xf numFmtId="0" fontId="49" fillId="0" borderId="2" applyNumberFormat="0" applyFont="0" applyFill="0" applyAlignment="0" applyProtection="0"/>
    <xf numFmtId="0" fontId="17" fillId="3" borderId="0" applyNumberFormat="0" applyBorder="0" applyAlignment="0" applyProtection="0">
      <alignment vertical="center"/>
    </xf>
    <xf numFmtId="0" fontId="17" fillId="4" borderId="0" applyNumberFormat="0" applyBorder="0" applyAlignment="0" applyProtection="0">
      <alignment vertical="center"/>
    </xf>
    <xf numFmtId="0" fontId="17" fillId="5" borderId="0" applyNumberFormat="0" applyBorder="0" applyAlignment="0" applyProtection="0">
      <alignment vertical="center"/>
    </xf>
    <xf numFmtId="0" fontId="17" fillId="6" borderId="0" applyNumberFormat="0" applyBorder="0" applyAlignment="0" applyProtection="0">
      <alignment vertical="center"/>
    </xf>
    <xf numFmtId="0" fontId="17" fillId="7" borderId="0" applyNumberFormat="0" applyBorder="0" applyAlignment="0" applyProtection="0">
      <alignment vertical="center"/>
    </xf>
    <xf numFmtId="0" fontId="17" fillId="8" borderId="0" applyNumberFormat="0" applyBorder="0" applyAlignment="0" applyProtection="0">
      <alignment vertical="center"/>
    </xf>
    <xf numFmtId="0" fontId="17" fillId="9" borderId="0" applyNumberFormat="0" applyBorder="0" applyAlignment="0" applyProtection="0">
      <alignment vertical="center"/>
    </xf>
    <xf numFmtId="0" fontId="17" fillId="10" borderId="0" applyNumberFormat="0" applyBorder="0" applyAlignment="0" applyProtection="0">
      <alignment vertical="center"/>
    </xf>
    <xf numFmtId="0" fontId="17" fillId="11" borderId="0" applyNumberFormat="0" applyBorder="0" applyAlignment="0" applyProtection="0">
      <alignment vertical="center"/>
    </xf>
    <xf numFmtId="0" fontId="17" fillId="6" borderId="0" applyNumberFormat="0" applyBorder="0" applyAlignment="0" applyProtection="0">
      <alignment vertical="center"/>
    </xf>
    <xf numFmtId="0" fontId="17" fillId="9" borderId="0" applyNumberFormat="0" applyBorder="0" applyAlignment="0" applyProtection="0">
      <alignment vertical="center"/>
    </xf>
    <xf numFmtId="0" fontId="17" fillId="12" borderId="0" applyNumberFormat="0" applyBorder="0" applyAlignment="0" applyProtection="0">
      <alignment vertical="center"/>
    </xf>
    <xf numFmtId="0" fontId="18" fillId="13" borderId="0" applyNumberFormat="0" applyBorder="0" applyAlignment="0" applyProtection="0">
      <alignment vertical="center"/>
    </xf>
    <xf numFmtId="0" fontId="18" fillId="10" borderId="0" applyNumberFormat="0" applyBorder="0" applyAlignment="0" applyProtection="0">
      <alignment vertical="center"/>
    </xf>
    <xf numFmtId="0" fontId="18" fillId="11" borderId="0" applyNumberFormat="0" applyBorder="0" applyAlignment="0" applyProtection="0">
      <alignment vertical="center"/>
    </xf>
    <xf numFmtId="0" fontId="18" fillId="14" borderId="0" applyNumberFormat="0" applyBorder="0" applyAlignment="0" applyProtection="0">
      <alignment vertical="center"/>
    </xf>
    <xf numFmtId="0" fontId="18" fillId="15" borderId="0" applyNumberFormat="0" applyBorder="0" applyAlignment="0" applyProtection="0">
      <alignment vertical="center"/>
    </xf>
    <xf numFmtId="0" fontId="18" fillId="16" borderId="0" applyNumberFormat="0" applyBorder="0" applyAlignment="0" applyProtection="0">
      <alignment vertical="center"/>
    </xf>
    <xf numFmtId="0" fontId="20" fillId="0" borderId="0" applyNumberFormat="0" applyFill="0" applyBorder="0" applyAlignment="0" applyProtection="0"/>
    <xf numFmtId="0" fontId="62" fillId="0" borderId="0" applyNumberFormat="0" applyFill="0" applyBorder="0" applyAlignment="0" applyProtection="0"/>
    <xf numFmtId="0" fontId="43" fillId="0" borderId="0" applyNumberFormat="0" applyFill="0" applyBorder="0" applyAlignment="0" applyProtection="0"/>
    <xf numFmtId="182" fontId="4" fillId="0" borderId="0" applyFill="0" applyBorder="0" applyAlignment="0"/>
    <xf numFmtId="182" fontId="4" fillId="0" borderId="0" applyFill="0" applyBorder="0" applyAlignment="0"/>
    <xf numFmtId="182" fontId="4" fillId="0" borderId="0" applyFill="0" applyBorder="0" applyAlignment="0"/>
    <xf numFmtId="189" fontId="4" fillId="0" borderId="0" applyFill="0" applyBorder="0" applyAlignment="0"/>
    <xf numFmtId="188" fontId="4" fillId="0" borderId="0" applyFill="0" applyBorder="0" applyAlignment="0"/>
    <xf numFmtId="0" fontId="20" fillId="0" borderId="0" applyFill="0" applyBorder="0" applyAlignment="0"/>
    <xf numFmtId="0" fontId="20" fillId="0" borderId="0" applyFill="0" applyBorder="0" applyAlignment="0"/>
    <xf numFmtId="188" fontId="4" fillId="0" borderId="0" applyFill="0" applyBorder="0" applyAlignment="0"/>
    <xf numFmtId="0" fontId="20" fillId="0" borderId="0" applyFill="0" applyBorder="0" applyAlignment="0"/>
    <xf numFmtId="189" fontId="4" fillId="0" borderId="0" applyFill="0" applyBorder="0" applyAlignment="0"/>
    <xf numFmtId="0" fontId="20" fillId="0" borderId="0" applyFont="0" applyFill="0" applyBorder="0" applyAlignment="0" applyProtection="0"/>
    <xf numFmtId="188" fontId="4" fillId="0" borderId="0" applyFont="0" applyFill="0" applyBorder="0" applyAlignment="0" applyProtection="0"/>
    <xf numFmtId="190" fontId="20" fillId="0" borderId="0" applyFont="0" applyFill="0" applyBorder="0" applyAlignment="0" applyProtection="0"/>
    <xf numFmtId="0" fontId="63" fillId="0" borderId="0" applyNumberFormat="0" applyFont="0" applyBorder="0" applyAlignment="0" applyProtection="0"/>
    <xf numFmtId="0" fontId="20" fillId="0" borderId="0" applyFont="0" applyFill="0" applyBorder="0" applyAlignment="0" applyProtection="0"/>
    <xf numFmtId="189" fontId="4" fillId="0" borderId="0" applyFont="0" applyFill="0" applyBorder="0" applyAlignment="0" applyProtection="0"/>
    <xf numFmtId="0" fontId="20" fillId="0" borderId="0" applyFont="0" applyFill="0" applyBorder="0" applyAlignment="0" applyProtection="0"/>
    <xf numFmtId="0" fontId="41" fillId="0" borderId="3" applyNumberFormat="0" applyBorder="0">
      <alignment horizontal="centerContinuous"/>
    </xf>
    <xf numFmtId="14" fontId="40" fillId="0" borderId="0" applyFill="0" applyBorder="0" applyAlignment="0"/>
    <xf numFmtId="188" fontId="4" fillId="0" borderId="0" applyFill="0" applyBorder="0" applyAlignment="0"/>
    <xf numFmtId="189" fontId="4" fillId="0" borderId="0" applyFill="0" applyBorder="0" applyAlignment="0"/>
    <xf numFmtId="188" fontId="4" fillId="0" borderId="0" applyFill="0" applyBorder="0" applyAlignment="0"/>
    <xf numFmtId="0" fontId="20" fillId="0" borderId="0" applyFill="0" applyBorder="0" applyAlignment="0"/>
    <xf numFmtId="189" fontId="4" fillId="0" borderId="0" applyFill="0" applyBorder="0" applyAlignment="0"/>
    <xf numFmtId="0" fontId="45" fillId="0" borderId="0">
      <alignment horizontal="left"/>
    </xf>
    <xf numFmtId="0" fontId="42" fillId="0" borderId="0" applyNumberFormat="0" applyFill="0" applyBorder="0" applyAlignment="0" applyProtection="0"/>
    <xf numFmtId="38" fontId="43" fillId="17" borderId="0" applyNumberFormat="0" applyBorder="0" applyAlignment="0" applyProtection="0"/>
    <xf numFmtId="0" fontId="19" fillId="0" borderId="4" applyNumberFormat="0" applyAlignment="0" applyProtection="0">
      <alignment horizontal="left" vertical="center"/>
    </xf>
    <xf numFmtId="0" fontId="19" fillId="0" borderId="5">
      <alignment horizontal="left" vertical="center"/>
    </xf>
    <xf numFmtId="0" fontId="44" fillId="0" borderId="0" applyNumberFormat="0" applyFill="0" applyBorder="0" applyAlignment="0" applyProtection="0">
      <alignment vertical="top"/>
      <protection locked="0"/>
    </xf>
    <xf numFmtId="10" fontId="43" fillId="18" borderId="6" applyNumberFormat="0" applyBorder="0" applyAlignment="0" applyProtection="0"/>
    <xf numFmtId="188" fontId="4" fillId="0" borderId="0" applyFill="0" applyBorder="0" applyAlignment="0"/>
    <xf numFmtId="189" fontId="4" fillId="0" borderId="0" applyFill="0" applyBorder="0" applyAlignment="0"/>
    <xf numFmtId="188" fontId="4" fillId="0" borderId="0" applyFill="0" applyBorder="0" applyAlignment="0"/>
    <xf numFmtId="0" fontId="20" fillId="0" borderId="0" applyFill="0" applyBorder="0" applyAlignment="0"/>
    <xf numFmtId="189" fontId="4" fillId="0" borderId="0" applyFill="0" applyBorder="0" applyAlignment="0"/>
    <xf numFmtId="0" fontId="53" fillId="0" borderId="0" applyNumberFormat="0" applyFill="0" applyBorder="0" applyAlignment="0" applyProtection="0"/>
    <xf numFmtId="0" fontId="63" fillId="0" borderId="0" applyNumberFormat="0" applyFill="0" applyBorder="0" applyAlignment="0" applyProtection="0"/>
    <xf numFmtId="2" fontId="45" fillId="19" borderId="0"/>
    <xf numFmtId="191" fontId="7" fillId="0" borderId="0"/>
    <xf numFmtId="0" fontId="20" fillId="0" borderId="0"/>
    <xf numFmtId="179" fontId="46" fillId="0" borderId="0" applyFont="0" applyFill="0" applyBorder="0" applyAlignment="0" applyProtection="0"/>
    <xf numFmtId="177" fontId="46" fillId="0" borderId="0" applyFont="0" applyFill="0" applyBorder="0" applyAlignment="0" applyProtection="0"/>
    <xf numFmtId="0" fontId="20" fillId="0" borderId="0" applyFont="0" applyFill="0" applyBorder="0" applyAlignment="0" applyProtection="0"/>
    <xf numFmtId="190" fontId="20" fillId="0" borderId="0" applyFont="0" applyFill="0" applyBorder="0" applyAlignment="0" applyProtection="0"/>
    <xf numFmtId="10" fontId="20" fillId="0" borderId="0" applyFont="0" applyFill="0" applyBorder="0" applyAlignment="0" applyProtection="0"/>
    <xf numFmtId="0" fontId="20" fillId="0" borderId="0" applyFont="0" applyFill="0" applyBorder="0" applyAlignment="0" applyProtection="0"/>
    <xf numFmtId="188" fontId="4" fillId="0" borderId="0" applyFill="0" applyBorder="0" applyAlignment="0"/>
    <xf numFmtId="189" fontId="4" fillId="0" borderId="0" applyFill="0" applyBorder="0" applyAlignment="0"/>
    <xf numFmtId="188" fontId="4" fillId="0" borderId="0" applyFill="0" applyBorder="0" applyAlignment="0"/>
    <xf numFmtId="0" fontId="20" fillId="0" borderId="0" applyFill="0" applyBorder="0" applyAlignment="0"/>
    <xf numFmtId="189" fontId="4" fillId="0" borderId="0" applyFill="0" applyBorder="0" applyAlignment="0"/>
    <xf numFmtId="4" fontId="45" fillId="0" borderId="0">
      <alignment horizontal="right"/>
    </xf>
    <xf numFmtId="0" fontId="64" fillId="0" borderId="0" applyNumberFormat="0" applyFont="0" applyFill="0" applyBorder="0" applyAlignment="0" applyProtection="0">
      <alignment horizontal="left"/>
    </xf>
    <xf numFmtId="0" fontId="65" fillId="0" borderId="7">
      <alignment horizontal="center"/>
    </xf>
    <xf numFmtId="4" fontId="66" fillId="0" borderId="0">
      <alignment horizontal="right"/>
    </xf>
    <xf numFmtId="0" fontId="60" fillId="0" borderId="0"/>
    <xf numFmtId="0" fontId="60" fillId="0" borderId="0"/>
    <xf numFmtId="0" fontId="67" fillId="0" borderId="0">
      <alignment horizontal="left"/>
    </xf>
    <xf numFmtId="0" fontId="64" fillId="0" borderId="0"/>
    <xf numFmtId="0" fontId="47" fillId="0" borderId="0"/>
    <xf numFmtId="49" fontId="40" fillId="0" borderId="0" applyFill="0" applyBorder="0" applyAlignment="0"/>
    <xf numFmtId="0" fontId="20" fillId="0" borderId="0" applyFill="0" applyBorder="0" applyAlignment="0"/>
    <xf numFmtId="0" fontId="20" fillId="0" borderId="0" applyFill="0" applyBorder="0" applyAlignment="0"/>
    <xf numFmtId="0" fontId="68" fillId="0" borderId="0">
      <alignment horizontal="center"/>
    </xf>
    <xf numFmtId="192" fontId="46" fillId="0" borderId="0" applyFont="0" applyFill="0" applyBorder="0" applyAlignment="0" applyProtection="0"/>
    <xf numFmtId="183" fontId="46" fillId="0" borderId="0" applyFont="0" applyFill="0" applyBorder="0" applyAlignment="0" applyProtection="0"/>
    <xf numFmtId="0" fontId="18" fillId="20" borderId="0" applyNumberFormat="0" applyBorder="0" applyAlignment="0" applyProtection="0">
      <alignment vertical="center"/>
    </xf>
    <xf numFmtId="0" fontId="18" fillId="21" borderId="0" applyNumberFormat="0" applyBorder="0" applyAlignment="0" applyProtection="0">
      <alignment vertical="center"/>
    </xf>
    <xf numFmtId="0" fontId="18" fillId="22" borderId="0" applyNumberFormat="0" applyBorder="0" applyAlignment="0" applyProtection="0">
      <alignment vertical="center"/>
    </xf>
    <xf numFmtId="0" fontId="18" fillId="14" borderId="0" applyNumberFormat="0" applyBorder="0" applyAlignment="0" applyProtection="0">
      <alignment vertical="center"/>
    </xf>
    <xf numFmtId="0" fontId="18" fillId="15" borderId="0" applyNumberFormat="0" applyBorder="0" applyAlignment="0" applyProtection="0">
      <alignment vertical="center"/>
    </xf>
    <xf numFmtId="0" fontId="18" fillId="23" borderId="0" applyNumberFormat="0" applyBorder="0" applyAlignment="0" applyProtection="0">
      <alignment vertical="center"/>
    </xf>
    <xf numFmtId="0" fontId="21" fillId="0" borderId="0" applyNumberFormat="0" applyFill="0" applyBorder="0" applyAlignment="0" applyProtection="0">
      <alignment vertical="center"/>
    </xf>
    <xf numFmtId="0" fontId="22" fillId="24" borderId="8" applyNumberFormat="0" applyAlignment="0" applyProtection="0">
      <alignment vertical="center"/>
    </xf>
    <xf numFmtId="0" fontId="23" fillId="25" borderId="0" applyNumberFormat="0" applyBorder="0" applyAlignment="0" applyProtection="0">
      <alignment vertical="center"/>
    </xf>
    <xf numFmtId="193" fontId="35" fillId="0" borderId="0" applyFont="0" applyFill="0" applyBorder="0" applyAlignment="0" applyProtection="0"/>
    <xf numFmtId="194" fontId="35" fillId="0" borderId="0" applyFont="0" applyFill="0" applyBorder="0" applyAlignment="0" applyProtection="0"/>
    <xf numFmtId="9" fontId="4" fillId="0" borderId="0" applyFont="0" applyFill="0" applyBorder="0" applyAlignment="0" applyProtection="0"/>
    <xf numFmtId="0" fontId="16" fillId="0" borderId="9" applyNumberFormat="0" applyFill="0" applyBorder="0" applyAlignment="0" applyProtection="0">
      <alignment horizontal="distributed" vertical="center" justifyLastLine="1"/>
    </xf>
    <xf numFmtId="0" fontId="48" fillId="0" borderId="0"/>
    <xf numFmtId="0" fontId="4" fillId="26" borderId="10" applyNumberFormat="0" applyFont="0" applyAlignment="0" applyProtection="0">
      <alignment vertical="center"/>
    </xf>
    <xf numFmtId="41" fontId="20" fillId="0" borderId="0" applyFont="0" applyFill="0" applyBorder="0" applyAlignment="0" applyProtection="0"/>
    <xf numFmtId="4" fontId="48" fillId="0" borderId="0" applyFont="0" applyFill="0" applyBorder="0" applyAlignment="0" applyProtection="0"/>
    <xf numFmtId="0" fontId="69" fillId="27" borderId="0" applyNumberFormat="0" applyBorder="0" applyAlignment="0" applyProtection="0">
      <alignment vertical="center"/>
    </xf>
    <xf numFmtId="0" fontId="24" fillId="0" borderId="11" applyNumberFormat="0" applyFill="0" applyAlignment="0" applyProtection="0">
      <alignment vertical="center"/>
    </xf>
    <xf numFmtId="0" fontId="25" fillId="4" borderId="0" applyNumberFormat="0" applyBorder="0" applyAlignment="0" applyProtection="0">
      <alignment vertical="center"/>
    </xf>
    <xf numFmtId="213" fontId="51" fillId="0" borderId="0" applyFill="0" applyBorder="0" applyAlignment="0" applyProtection="0">
      <alignment vertical="center"/>
    </xf>
    <xf numFmtId="0" fontId="70" fillId="28" borderId="0">
      <alignment horizontal="right" vertical="top"/>
    </xf>
    <xf numFmtId="0" fontId="69" fillId="27" borderId="0" applyNumberFormat="0" applyBorder="0" applyAlignment="0" applyProtection="0"/>
    <xf numFmtId="214" fontId="7" fillId="19" borderId="12" applyFont="0" applyFill="0" applyBorder="0" applyAlignment="0" applyProtection="0">
      <protection locked="0"/>
    </xf>
    <xf numFmtId="0" fontId="26" fillId="29" borderId="13" applyNumberFormat="0" applyAlignment="0" applyProtection="0">
      <alignment vertical="center"/>
    </xf>
    <xf numFmtId="0" fontId="27" fillId="0" borderId="0" applyNumberFormat="0" applyFill="0" applyBorder="0" applyAlignment="0" applyProtection="0">
      <alignment vertical="center"/>
    </xf>
    <xf numFmtId="212" fontId="6" fillId="0" borderId="14"/>
    <xf numFmtId="38" fontId="4" fillId="0" borderId="0" applyFont="0" applyFill="0" applyBorder="0" applyAlignment="0" applyProtection="0"/>
    <xf numFmtId="38" fontId="4" fillId="0" borderId="0" applyFont="0" applyFill="0" applyBorder="0" applyAlignment="0" applyProtection="0"/>
    <xf numFmtId="38" fontId="35" fillId="0" borderId="0" applyFont="0" applyFill="0" applyBorder="0" applyAlignment="0" applyProtection="0"/>
    <xf numFmtId="215" fontId="71" fillId="0" borderId="15" applyFill="0" applyBorder="0" applyProtection="0"/>
    <xf numFmtId="3" fontId="39" fillId="0" borderId="0" applyFont="0" applyFill="0" applyBorder="0" applyAlignment="0" applyProtection="0"/>
    <xf numFmtId="0" fontId="39" fillId="0" borderId="1" applyFont="0" applyFill="0" applyBorder="0" applyAlignment="0" applyProtection="0">
      <alignment horizontal="right"/>
    </xf>
    <xf numFmtId="4" fontId="39" fillId="0" borderId="1" applyFont="0" applyFill="0" applyBorder="0" applyAlignment="0" applyProtection="0"/>
    <xf numFmtId="0" fontId="28" fillId="0" borderId="16" applyNumberFormat="0" applyFill="0" applyAlignment="0" applyProtection="0">
      <alignment vertical="center"/>
    </xf>
    <xf numFmtId="0" fontId="29" fillId="0" borderId="17" applyNumberFormat="0" applyFill="0" applyAlignment="0" applyProtection="0">
      <alignment vertical="center"/>
    </xf>
    <xf numFmtId="0" fontId="30" fillId="0" borderId="18" applyNumberFormat="0" applyFill="0" applyAlignment="0" applyProtection="0">
      <alignment vertical="center"/>
    </xf>
    <xf numFmtId="0" fontId="30" fillId="0" borderId="0" applyNumberFormat="0" applyFill="0" applyBorder="0" applyAlignment="0" applyProtection="0">
      <alignment vertical="center"/>
    </xf>
    <xf numFmtId="216" fontId="39" fillId="0" borderId="19">
      <protection locked="0"/>
    </xf>
    <xf numFmtId="216" fontId="39" fillId="0" borderId="19">
      <protection locked="0"/>
    </xf>
    <xf numFmtId="217" fontId="39" fillId="0" borderId="19">
      <protection locked="0"/>
    </xf>
    <xf numFmtId="0" fontId="36" fillId="0" borderId="20">
      <alignment horizontal="center"/>
    </xf>
    <xf numFmtId="0" fontId="31" fillId="0" borderId="21" applyNumberFormat="0" applyFill="0" applyAlignment="0" applyProtection="0">
      <alignment vertical="center"/>
    </xf>
    <xf numFmtId="0" fontId="32" fillId="29" borderId="22" applyNumberFormat="0" applyAlignment="0" applyProtection="0">
      <alignment vertical="center"/>
    </xf>
    <xf numFmtId="0" fontId="38" fillId="0" borderId="0">
      <alignment vertical="center"/>
    </xf>
    <xf numFmtId="42" fontId="51" fillId="0" borderId="0" applyFill="0" applyBorder="0" applyAlignment="0" applyProtection="0">
      <alignment horizontal="center" vertical="center"/>
    </xf>
    <xf numFmtId="218" fontId="72" fillId="28" borderId="23">
      <alignment horizontal="right"/>
    </xf>
    <xf numFmtId="2" fontId="73" fillId="0" borderId="24">
      <alignment horizontal="center"/>
    </xf>
    <xf numFmtId="0" fontId="74" fillId="0" borderId="0" applyNumberFormat="0" applyFont="0" applyBorder="0" applyAlignment="0" applyProtection="0"/>
    <xf numFmtId="0" fontId="33" fillId="0" borderId="0" applyNumberFormat="0" applyFill="0" applyBorder="0" applyAlignment="0" applyProtection="0">
      <alignment vertical="center"/>
    </xf>
    <xf numFmtId="0" fontId="75" fillId="0" borderId="25" applyFill="0" applyBorder="0" applyProtection="0">
      <alignment horizontal="left" vertical="center"/>
    </xf>
    <xf numFmtId="0" fontId="20" fillId="0" borderId="0" applyFont="0" applyFill="0" applyBorder="0" applyAlignment="0" applyProtection="0"/>
    <xf numFmtId="0" fontId="20" fillId="0" borderId="0" applyFont="0" applyFill="0" applyBorder="0" applyAlignment="0" applyProtection="0"/>
    <xf numFmtId="6" fontId="4" fillId="0" borderId="0" applyFont="0" applyFill="0" applyBorder="0" applyAlignment="0" applyProtection="0"/>
    <xf numFmtId="0" fontId="34" fillId="8" borderId="13" applyNumberFormat="0" applyAlignment="0" applyProtection="0">
      <alignment vertical="center"/>
    </xf>
    <xf numFmtId="58" fontId="39" fillId="0" borderId="0" applyFont="0" applyFill="0" applyBorder="0" applyAlignment="0" applyProtection="0"/>
    <xf numFmtId="211" fontId="60" fillId="0" borderId="26" applyNumberFormat="0" applyFont="0" applyAlignment="0" applyProtection="0"/>
    <xf numFmtId="185" fontId="39" fillId="0" borderId="1" applyFont="0" applyFill="0" applyBorder="0" applyAlignment="0" applyProtection="0"/>
    <xf numFmtId="0" fontId="4" fillId="0" borderId="0"/>
    <xf numFmtId="0" fontId="4" fillId="0" borderId="0"/>
    <xf numFmtId="209" fontId="4" fillId="0" borderId="0"/>
    <xf numFmtId="0" fontId="51" fillId="0" borderId="0"/>
    <xf numFmtId="0" fontId="4" fillId="0" borderId="0"/>
    <xf numFmtId="209" fontId="78" fillId="0" borderId="0">
      <alignment vertical="center"/>
    </xf>
    <xf numFmtId="0" fontId="4" fillId="0" borderId="0"/>
    <xf numFmtId="0" fontId="35" fillId="0" borderId="0"/>
    <xf numFmtId="0" fontId="76" fillId="0" borderId="0"/>
    <xf numFmtId="0" fontId="39" fillId="0" borderId="0"/>
    <xf numFmtId="184" fontId="16" fillId="0" borderId="0"/>
    <xf numFmtId="0" fontId="16" fillId="0" borderId="0" applyNumberFormat="0" applyBorder="0" applyAlignment="0"/>
    <xf numFmtId="0" fontId="49" fillId="0" borderId="0" applyBorder="0">
      <alignment vertical="center"/>
    </xf>
    <xf numFmtId="0" fontId="35" fillId="0" borderId="0"/>
    <xf numFmtId="0" fontId="36" fillId="0" borderId="0"/>
    <xf numFmtId="0" fontId="37" fillId="5" borderId="0" applyNumberFormat="0" applyBorder="0" applyAlignment="0" applyProtection="0">
      <alignment vertical="center"/>
    </xf>
    <xf numFmtId="38" fontId="39" fillId="0" borderId="0">
      <alignment vertical="center"/>
      <protection hidden="1"/>
    </xf>
    <xf numFmtId="0" fontId="81" fillId="0" borderId="0" applyBorder="0"/>
    <xf numFmtId="0" fontId="60" fillId="0" borderId="0"/>
    <xf numFmtId="0" fontId="36" fillId="0" borderId="0"/>
    <xf numFmtId="0" fontId="60" fillId="0" borderId="0"/>
    <xf numFmtId="0" fontId="36" fillId="0" borderId="0"/>
    <xf numFmtId="0" fontId="60" fillId="0" borderId="0"/>
    <xf numFmtId="0" fontId="36" fillId="0" borderId="0"/>
    <xf numFmtId="0" fontId="60" fillId="0" borderId="0"/>
    <xf numFmtId="0" fontId="36" fillId="0" borderId="0"/>
    <xf numFmtId="0" fontId="60" fillId="0" borderId="0"/>
    <xf numFmtId="0" fontId="36" fillId="0" borderId="0"/>
    <xf numFmtId="0" fontId="60" fillId="0" borderId="0"/>
    <xf numFmtId="0" fontId="36" fillId="0" borderId="0"/>
    <xf numFmtId="0" fontId="60" fillId="0" borderId="0"/>
    <xf numFmtId="0" fontId="36" fillId="0" borderId="0"/>
    <xf numFmtId="0" fontId="60" fillId="0" borderId="0"/>
    <xf numFmtId="0" fontId="36" fillId="0" borderId="0"/>
    <xf numFmtId="0" fontId="74" fillId="30" borderId="0"/>
    <xf numFmtId="0" fontId="74" fillId="30" borderId="0"/>
    <xf numFmtId="0" fontId="74" fillId="30" borderId="0"/>
    <xf numFmtId="0" fontId="74" fillId="30" borderId="0"/>
    <xf numFmtId="0" fontId="74" fillId="30" borderId="0"/>
    <xf numFmtId="0" fontId="74" fillId="30" borderId="0"/>
    <xf numFmtId="0" fontId="74" fillId="30" borderId="0"/>
    <xf numFmtId="0" fontId="74" fillId="30" borderId="0"/>
    <xf numFmtId="0" fontId="51" fillId="0" borderId="32" applyNumberFormat="0" applyFill="0" applyBorder="0" applyAlignment="0" applyProtection="0">
      <alignment vertical="center"/>
    </xf>
    <xf numFmtId="0" fontId="82" fillId="0" borderId="92" applyFill="0" applyBorder="0" applyProtection="0">
      <alignment horizontal="left"/>
    </xf>
    <xf numFmtId="38" fontId="4" fillId="0" borderId="0" applyFont="0" applyFill="0" applyBorder="0" applyAlignment="0" applyProtection="0"/>
    <xf numFmtId="38" fontId="4" fillId="0" borderId="0" applyFont="0" applyFill="0" applyBorder="0" applyAlignment="0" applyProtection="0">
      <alignment vertical="center"/>
    </xf>
    <xf numFmtId="38" fontId="4" fillId="0" borderId="0" applyFont="0" applyFill="0" applyBorder="0" applyAlignment="0" applyProtection="0">
      <alignment vertical="center"/>
    </xf>
    <xf numFmtId="0" fontId="39" fillId="0" borderId="0" applyNumberFormat="0" applyFill="0" applyBorder="0" applyAlignment="0" applyProtection="0"/>
    <xf numFmtId="0" fontId="83" fillId="0" borderId="0">
      <alignment wrapText="1"/>
    </xf>
    <xf numFmtId="0" fontId="49" fillId="0" borderId="0"/>
    <xf numFmtId="0" fontId="51" fillId="0" borderId="0" applyProtection="0">
      <alignment horizontal="center" textRotation="90"/>
    </xf>
    <xf numFmtId="0" fontId="51" fillId="0" borderId="0">
      <alignment horizontal="center" vertical="top" textRotation="90"/>
    </xf>
    <xf numFmtId="0" fontId="51" fillId="0" borderId="0" applyProtection="0">
      <alignment horizontal="center" vertical="center" textRotation="90"/>
    </xf>
    <xf numFmtId="219" fontId="81" fillId="0" borderId="0" applyFill="0" applyBorder="0" applyProtection="0">
      <alignment vertical="center"/>
    </xf>
    <xf numFmtId="220" fontId="82" fillId="0" borderId="0" applyFill="0" applyBorder="0" applyProtection="0">
      <alignment vertical="center"/>
    </xf>
    <xf numFmtId="221" fontId="82" fillId="0" borderId="0" applyFill="0" applyBorder="0" applyProtection="0">
      <alignment vertical="center"/>
    </xf>
    <xf numFmtId="222" fontId="82" fillId="0" borderId="0" applyFill="0" applyBorder="0" applyProtection="0">
      <alignment vertical="center"/>
    </xf>
    <xf numFmtId="0" fontId="7" fillId="0" borderId="0" applyFill="0" applyBorder="0" applyProtection="0">
      <alignment horizontal="center" vertical="center"/>
    </xf>
    <xf numFmtId="0" fontId="39" fillId="0" borderId="0" applyNumberFormat="0" applyFill="0" applyBorder="0" applyAlignment="0" applyProtection="0">
      <alignment vertical="center"/>
    </xf>
    <xf numFmtId="0" fontId="39" fillId="0" borderId="0" applyNumberFormat="0" applyFill="0" applyBorder="0" applyAlignment="0" applyProtection="0">
      <alignment vertical="center"/>
    </xf>
    <xf numFmtId="0" fontId="63" fillId="0" borderId="0" applyFill="0" applyBorder="0" applyProtection="0">
      <alignment vertical="center"/>
    </xf>
    <xf numFmtId="0" fontId="84" fillId="0" borderId="0" applyFill="0" applyBorder="0" applyProtection="0">
      <alignment vertical="center"/>
    </xf>
    <xf numFmtId="0" fontId="85" fillId="0" borderId="0" applyFill="0" applyBorder="0" applyProtection="0"/>
    <xf numFmtId="0" fontId="86" fillId="0" borderId="0" applyFill="0" applyBorder="0" applyProtection="0">
      <alignment horizontal="left"/>
    </xf>
    <xf numFmtId="0" fontId="39" fillId="0" borderId="0" applyNumberFormat="0" applyFill="0" applyBorder="0" applyAlignment="0" applyProtection="0">
      <alignment horizontal="left"/>
    </xf>
    <xf numFmtId="0" fontId="4" fillId="0" borderId="0"/>
    <xf numFmtId="0" fontId="4" fillId="0" borderId="0"/>
    <xf numFmtId="0" fontId="4" fillId="0" borderId="0"/>
    <xf numFmtId="0" fontId="39" fillId="0" borderId="0" applyProtection="0">
      <alignment horizontal="center"/>
    </xf>
    <xf numFmtId="0" fontId="35" fillId="0" borderId="0"/>
    <xf numFmtId="0" fontId="35" fillId="0" borderId="0"/>
    <xf numFmtId="0" fontId="4" fillId="0" borderId="0">
      <alignment vertical="center"/>
    </xf>
    <xf numFmtId="0" fontId="35" fillId="0" borderId="0"/>
    <xf numFmtId="0" fontId="4" fillId="0" borderId="0"/>
    <xf numFmtId="0" fontId="4" fillId="0" borderId="0"/>
    <xf numFmtId="0" fontId="4" fillId="0" borderId="0"/>
    <xf numFmtId="0" fontId="16" fillId="0" borderId="0"/>
    <xf numFmtId="0" fontId="4" fillId="0" borderId="97" applyNumberFormat="0" applyBorder="0"/>
    <xf numFmtId="0" fontId="4" fillId="0" borderId="0"/>
    <xf numFmtId="38" fontId="2" fillId="0" borderId="0" applyFont="0" applyFill="0" applyBorder="0" applyAlignment="0" applyProtection="0">
      <alignment vertical="center"/>
    </xf>
    <xf numFmtId="38" fontId="2" fillId="0" borderId="0" applyFont="0" applyFill="0" applyBorder="0" applyAlignment="0" applyProtection="0">
      <alignment vertical="center"/>
    </xf>
    <xf numFmtId="3" fontId="90" fillId="0" borderId="14" applyBorder="0">
      <alignment vertical="center"/>
    </xf>
    <xf numFmtId="3" fontId="90" fillId="0" borderId="14">
      <alignment vertical="center"/>
    </xf>
    <xf numFmtId="3" fontId="90" fillId="0" borderId="99">
      <alignment vertical="center"/>
    </xf>
    <xf numFmtId="3" fontId="90" fillId="0" borderId="100">
      <alignment vertical="center"/>
    </xf>
    <xf numFmtId="0" fontId="51" fillId="0" borderId="25"/>
    <xf numFmtId="209" fontId="1" fillId="0" borderId="0">
      <alignment vertical="center"/>
    </xf>
  </cellStyleXfs>
  <cellXfs count="586">
    <xf numFmtId="0" fontId="0" fillId="0" borderId="0" xfId="0">
      <alignment vertical="center"/>
    </xf>
    <xf numFmtId="0" fontId="6" fillId="0" borderId="27" xfId="0" applyFont="1" applyBorder="1" applyAlignment="1"/>
    <xf numFmtId="0" fontId="6" fillId="0" borderId="3" xfId="0" applyFont="1" applyBorder="1" applyAlignment="1">
      <alignment horizontal="center"/>
    </xf>
    <xf numFmtId="0" fontId="6" fillId="0" borderId="28" xfId="0" applyFont="1" applyBorder="1" applyAlignment="1"/>
    <xf numFmtId="0" fontId="6" fillId="0" borderId="24" xfId="0" applyFont="1" applyBorder="1" applyAlignment="1">
      <alignment horizontal="center" vertical="center"/>
    </xf>
    <xf numFmtId="181" fontId="13" fillId="0" borderId="29" xfId="0" applyNumberFormat="1" applyFont="1" applyBorder="1" applyAlignment="1">
      <alignment horizontal="center" vertical="center"/>
    </xf>
    <xf numFmtId="0" fontId="6" fillId="0" borderId="30" xfId="0" applyFont="1" applyBorder="1" applyAlignment="1">
      <alignment horizontal="left" vertical="center"/>
    </xf>
    <xf numFmtId="0" fontId="6" fillId="0" borderId="31" xfId="0" applyFont="1" applyBorder="1" applyAlignment="1">
      <alignment horizontal="center"/>
    </xf>
    <xf numFmtId="0" fontId="6" fillId="0" borderId="32" xfId="0" applyFont="1" applyBorder="1" applyAlignment="1">
      <alignment horizontal="center"/>
    </xf>
    <xf numFmtId="0" fontId="6" fillId="0" borderId="32" xfId="0" applyFont="1" applyBorder="1" applyAlignment="1"/>
    <xf numFmtId="0" fontId="6" fillId="0" borderId="33" xfId="0" applyFont="1" applyBorder="1" applyAlignment="1">
      <alignment horizontal="center"/>
    </xf>
    <xf numFmtId="0" fontId="6" fillId="0" borderId="34" xfId="0" applyFont="1" applyBorder="1" applyAlignment="1">
      <alignment horizontal="center"/>
    </xf>
    <xf numFmtId="0" fontId="6" fillId="0" borderId="35" xfId="0" applyFont="1" applyBorder="1" applyAlignment="1"/>
    <xf numFmtId="0" fontId="6" fillId="0" borderId="14" xfId="0" applyFont="1" applyBorder="1" applyAlignment="1"/>
    <xf numFmtId="0" fontId="6" fillId="0" borderId="36" xfId="0" applyFont="1" applyBorder="1" applyAlignment="1"/>
    <xf numFmtId="0" fontId="9" fillId="0" borderId="37" xfId="0" applyFont="1" applyBorder="1" applyAlignment="1">
      <alignment vertical="center"/>
    </xf>
    <xf numFmtId="0" fontId="6" fillId="0" borderId="0" xfId="0" applyFont="1" applyBorder="1" applyAlignment="1"/>
    <xf numFmtId="0" fontId="6" fillId="0" borderId="38" xfId="0" applyFont="1" applyBorder="1" applyAlignment="1"/>
    <xf numFmtId="0" fontId="6" fillId="0" borderId="6" xfId="0" applyFont="1" applyBorder="1" applyAlignment="1">
      <alignment horizontal="center"/>
    </xf>
    <xf numFmtId="0" fontId="6" fillId="0" borderId="39" xfId="0" applyFont="1" applyBorder="1" applyAlignment="1">
      <alignment horizontal="center"/>
    </xf>
    <xf numFmtId="0" fontId="6" fillId="0" borderId="24" xfId="0" applyFont="1" applyBorder="1" applyAlignment="1"/>
    <xf numFmtId="0" fontId="9" fillId="0" borderId="29" xfId="0" applyFont="1" applyBorder="1" applyAlignment="1">
      <alignment vertical="center"/>
    </xf>
    <xf numFmtId="0" fontId="6" fillId="0" borderId="29" xfId="0" applyFont="1" applyBorder="1" applyAlignment="1"/>
    <xf numFmtId="0" fontId="6" fillId="0" borderId="30" xfId="0" applyFont="1" applyBorder="1" applyAlignment="1"/>
    <xf numFmtId="0" fontId="6" fillId="0" borderId="40" xfId="0" applyFont="1" applyBorder="1" applyAlignment="1"/>
    <xf numFmtId="0" fontId="6" fillId="0" borderId="41" xfId="0" applyFont="1" applyBorder="1" applyAlignment="1"/>
    <xf numFmtId="0" fontId="8" fillId="0" borderId="37" xfId="0" applyFont="1" applyBorder="1" applyAlignment="1">
      <alignment vertical="center" justifyLastLine="1"/>
    </xf>
    <xf numFmtId="0" fontId="6" fillId="0" borderId="42" xfId="0" applyFont="1" applyBorder="1" applyAlignment="1"/>
    <xf numFmtId="0" fontId="6" fillId="0" borderId="34" xfId="0" applyFont="1" applyBorder="1" applyAlignment="1"/>
    <xf numFmtId="0" fontId="6" fillId="0" borderId="43" xfId="0" applyFont="1" applyBorder="1" applyAlignment="1"/>
    <xf numFmtId="0" fontId="8" fillId="0" borderId="29" xfId="0" applyFont="1" applyBorder="1" applyAlignment="1">
      <alignment vertical="center" justifyLastLine="1"/>
    </xf>
    <xf numFmtId="0" fontId="6" fillId="0" borderId="31" xfId="0" applyFont="1" applyBorder="1" applyAlignment="1"/>
    <xf numFmtId="0" fontId="6" fillId="0" borderId="0" xfId="0" applyFont="1" applyAlignment="1"/>
    <xf numFmtId="0" fontId="6" fillId="0" borderId="44" xfId="0" applyFont="1" applyBorder="1" applyAlignment="1">
      <alignment horizontal="distributed"/>
    </xf>
    <xf numFmtId="0" fontId="6" fillId="0" borderId="44" xfId="0" applyFont="1" applyBorder="1" applyAlignment="1"/>
    <xf numFmtId="0" fontId="6" fillId="0" borderId="45" xfId="0" applyFont="1" applyBorder="1" applyAlignment="1">
      <alignment horizontal="distributed"/>
    </xf>
    <xf numFmtId="0" fontId="6" fillId="0" borderId="45" xfId="0" applyFont="1" applyBorder="1" applyAlignment="1">
      <alignment horizontal="left"/>
    </xf>
    <xf numFmtId="0" fontId="6" fillId="0" borderId="45" xfId="0" applyFont="1" applyBorder="1" applyAlignment="1"/>
    <xf numFmtId="0" fontId="6" fillId="0" borderId="29" xfId="0" applyFont="1" applyBorder="1" applyAlignment="1">
      <alignment horizontal="distributed"/>
    </xf>
    <xf numFmtId="0" fontId="6" fillId="0" borderId="46" xfId="0" applyFont="1" applyBorder="1" applyAlignment="1"/>
    <xf numFmtId="0" fontId="6" fillId="0" borderId="47" xfId="0" applyFont="1" applyBorder="1" applyAlignment="1"/>
    <xf numFmtId="0" fontId="6" fillId="0" borderId="37" xfId="0" applyFont="1" applyBorder="1" applyAlignment="1"/>
    <xf numFmtId="0" fontId="6" fillId="0" borderId="48" xfId="0" applyFont="1" applyBorder="1" applyAlignment="1"/>
    <xf numFmtId="0" fontId="6" fillId="0" borderId="49" xfId="0" applyFont="1" applyBorder="1" applyAlignment="1">
      <alignment horizontal="center"/>
    </xf>
    <xf numFmtId="0" fontId="6" fillId="0" borderId="50" xfId="0" applyFont="1" applyBorder="1" applyAlignment="1"/>
    <xf numFmtId="0" fontId="6" fillId="0" borderId="51" xfId="0" applyFont="1" applyBorder="1" applyAlignment="1"/>
    <xf numFmtId="0" fontId="6" fillId="0" borderId="52" xfId="0" applyFont="1" applyBorder="1" applyAlignment="1"/>
    <xf numFmtId="0" fontId="6" fillId="0" borderId="49" xfId="0" applyFont="1" applyBorder="1" applyAlignment="1"/>
    <xf numFmtId="0" fontId="15" fillId="0" borderId="47" xfId="0" applyFont="1" applyBorder="1" applyAlignment="1"/>
    <xf numFmtId="0" fontId="15" fillId="0" borderId="37" xfId="0" applyFont="1" applyBorder="1" applyAlignment="1"/>
    <xf numFmtId="0" fontId="15" fillId="0" borderId="42" xfId="0" applyFont="1" applyBorder="1" applyAlignment="1"/>
    <xf numFmtId="0" fontId="15" fillId="0" borderId="53" xfId="0" applyFont="1" applyBorder="1" applyAlignment="1"/>
    <xf numFmtId="0" fontId="15" fillId="0" borderId="54" xfId="0" applyFont="1" applyBorder="1" applyAlignment="1"/>
    <xf numFmtId="0" fontId="15" fillId="0" borderId="54" xfId="0" applyFont="1" applyBorder="1" applyAlignment="1">
      <alignment horizontal="right"/>
    </xf>
    <xf numFmtId="0" fontId="15" fillId="0" borderId="55" xfId="0" applyFont="1" applyBorder="1" applyAlignment="1"/>
    <xf numFmtId="0" fontId="15" fillId="0" borderId="56" xfId="0" applyFont="1" applyBorder="1" applyAlignment="1"/>
    <xf numFmtId="0" fontId="15" fillId="0" borderId="56" xfId="0" applyFont="1" applyBorder="1" applyAlignment="1">
      <alignment horizontal="right"/>
    </xf>
    <xf numFmtId="0" fontId="15" fillId="0" borderId="57" xfId="0" applyFont="1" applyBorder="1" applyAlignment="1"/>
    <xf numFmtId="0" fontId="6" fillId="0" borderId="60" xfId="0" applyFont="1" applyBorder="1" applyAlignment="1"/>
    <xf numFmtId="0" fontId="6" fillId="0" borderId="56" xfId="0" applyFont="1" applyBorder="1" applyAlignment="1"/>
    <xf numFmtId="0" fontId="6" fillId="0" borderId="61" xfId="0" applyFont="1" applyBorder="1" applyAlignment="1"/>
    <xf numFmtId="0" fontId="15" fillId="0" borderId="62" xfId="0" applyFont="1" applyBorder="1" applyAlignment="1"/>
    <xf numFmtId="0" fontId="6" fillId="0" borderId="63" xfId="0" applyFont="1" applyBorder="1" applyAlignment="1"/>
    <xf numFmtId="0" fontId="6" fillId="0" borderId="7" xfId="0" applyFont="1" applyBorder="1" applyAlignment="1"/>
    <xf numFmtId="0" fontId="6" fillId="0" borderId="64" xfId="0" applyFont="1" applyBorder="1" applyAlignment="1"/>
    <xf numFmtId="0" fontId="49" fillId="0" borderId="0" xfId="164" applyFont="1"/>
    <xf numFmtId="195" fontId="49" fillId="0" borderId="0" xfId="164" applyNumberFormat="1" applyFont="1"/>
    <xf numFmtId="0" fontId="49" fillId="0" borderId="0" xfId="164" applyFont="1" applyAlignment="1">
      <alignment horizontal="center"/>
    </xf>
    <xf numFmtId="38" fontId="49" fillId="0" borderId="0" xfId="126" applyFont="1"/>
    <xf numFmtId="0" fontId="49" fillId="0" borderId="65" xfId="164" applyFont="1" applyBorder="1"/>
    <xf numFmtId="0" fontId="49" fillId="0" borderId="3" xfId="164" applyFont="1" applyBorder="1"/>
    <xf numFmtId="0" fontId="51" fillId="0" borderId="66" xfId="164" applyFont="1" applyBorder="1" applyAlignment="1">
      <alignment horizontal="right"/>
    </xf>
    <xf numFmtId="38" fontId="49" fillId="0" borderId="66" xfId="126" applyFont="1" applyBorder="1" applyAlignment="1"/>
    <xf numFmtId="0" fontId="49" fillId="0" borderId="67" xfId="164" applyFont="1" applyBorder="1"/>
    <xf numFmtId="0" fontId="49" fillId="0" borderId="68" xfId="164" applyFont="1" applyBorder="1" applyAlignment="1">
      <alignment horizontal="distributed" vertical="center" justifyLastLine="1"/>
    </xf>
    <xf numFmtId="0" fontId="49" fillId="0" borderId="69" xfId="164" applyFont="1" applyBorder="1" applyAlignment="1">
      <alignment horizontal="distributed" vertical="center" justifyLastLine="1"/>
    </xf>
    <xf numFmtId="0" fontId="49" fillId="0" borderId="6" xfId="164" applyFont="1" applyBorder="1" applyAlignment="1">
      <alignment horizontal="distributed" vertical="center" justifyLastLine="1"/>
    </xf>
    <xf numFmtId="38" fontId="49" fillId="0" borderId="6" xfId="126" applyFont="1" applyBorder="1" applyAlignment="1">
      <alignment horizontal="distributed" vertical="center" justifyLastLine="1"/>
    </xf>
    <xf numFmtId="0" fontId="49" fillId="0" borderId="70" xfId="164" applyFont="1" applyBorder="1"/>
    <xf numFmtId="0" fontId="16" fillId="0" borderId="31" xfId="164" applyFont="1" applyBorder="1" applyAlignment="1">
      <alignment horizontal="distributed"/>
    </xf>
    <xf numFmtId="0" fontId="16" fillId="0" borderId="42" xfId="164" applyFont="1" applyBorder="1" applyAlignment="1">
      <alignment horizontal="distributed"/>
    </xf>
    <xf numFmtId="0" fontId="16" fillId="0" borderId="32" xfId="164" applyFont="1" applyBorder="1" applyAlignment="1">
      <alignment horizontal="distributed"/>
    </xf>
    <xf numFmtId="0" fontId="16" fillId="0" borderId="32" xfId="164" applyFont="1" applyBorder="1" applyAlignment="1">
      <alignment horizontal="center"/>
    </xf>
    <xf numFmtId="38" fontId="16" fillId="0" borderId="32" xfId="126" applyFont="1" applyBorder="1"/>
    <xf numFmtId="196" fontId="16" fillId="0" borderId="32" xfId="126" applyNumberFormat="1" applyFont="1" applyBorder="1"/>
    <xf numFmtId="0" fontId="51" fillId="0" borderId="37" xfId="164" applyFont="1" applyBorder="1" applyAlignment="1">
      <alignment horizontal="center"/>
    </xf>
    <xf numFmtId="0" fontId="51" fillId="0" borderId="37" xfId="164" applyFont="1" applyBorder="1"/>
    <xf numFmtId="0" fontId="49" fillId="0" borderId="48" xfId="164" applyFont="1" applyBorder="1"/>
    <xf numFmtId="0" fontId="16" fillId="0" borderId="33" xfId="164" applyFont="1" applyBorder="1" applyAlignment="1">
      <alignment horizontal="distributed"/>
    </xf>
    <xf numFmtId="0" fontId="16" fillId="0" borderId="38" xfId="164" applyFont="1" applyBorder="1" applyAlignment="1">
      <alignment horizontal="distributed"/>
    </xf>
    <xf numFmtId="0" fontId="16" fillId="0" borderId="34" xfId="164" applyFont="1" applyBorder="1" applyAlignment="1">
      <alignment horizontal="distributed"/>
    </xf>
    <xf numFmtId="0" fontId="16" fillId="0" borderId="34" xfId="164" applyFont="1" applyBorder="1" applyAlignment="1">
      <alignment horizontal="center"/>
    </xf>
    <xf numFmtId="38" fontId="16" fillId="0" borderId="34" xfId="126" applyFont="1" applyBorder="1"/>
    <xf numFmtId="197" fontId="16" fillId="0" borderId="34" xfId="126" applyNumberFormat="1" applyFont="1" applyBorder="1"/>
    <xf numFmtId="38" fontId="51" fillId="0" borderId="0" xfId="164" applyNumberFormat="1" applyFont="1" applyBorder="1" applyAlignment="1">
      <alignment horizontal="center"/>
    </xf>
    <xf numFmtId="38" fontId="51" fillId="0" borderId="0" xfId="164" applyNumberFormat="1" applyFont="1" applyBorder="1" applyAlignment="1">
      <alignment horizontal="left"/>
    </xf>
    <xf numFmtId="10" fontId="51" fillId="0" borderId="0" xfId="110" applyNumberFormat="1" applyFont="1" applyBorder="1" applyAlignment="1">
      <alignment horizontal="left"/>
    </xf>
    <xf numFmtId="0" fontId="49" fillId="0" borderId="50" xfId="164" applyFont="1" applyBorder="1"/>
    <xf numFmtId="0" fontId="16" fillId="0" borderId="35" xfId="164" applyFont="1" applyBorder="1" applyAlignment="1">
      <alignment horizontal="left"/>
    </xf>
    <xf numFmtId="0" fontId="16" fillId="0" borderId="30" xfId="164" applyFont="1" applyBorder="1" applyAlignment="1">
      <alignment horizontal="distributed"/>
    </xf>
    <xf numFmtId="0" fontId="16" fillId="0" borderId="14" xfId="164" applyFont="1" applyBorder="1" applyAlignment="1">
      <alignment horizontal="distributed"/>
    </xf>
    <xf numFmtId="0" fontId="16" fillId="0" borderId="14" xfId="164" applyFont="1" applyBorder="1" applyAlignment="1">
      <alignment horizontal="center"/>
    </xf>
    <xf numFmtId="38" fontId="16" fillId="0" borderId="14" xfId="126" applyFont="1" applyBorder="1"/>
    <xf numFmtId="10" fontId="51" fillId="0" borderId="29" xfId="110" applyNumberFormat="1" applyFont="1" applyBorder="1" applyAlignment="1">
      <alignment horizontal="left"/>
    </xf>
    <xf numFmtId="0" fontId="49" fillId="0" borderId="52" xfId="164" applyFont="1" applyBorder="1"/>
    <xf numFmtId="198" fontId="16" fillId="0" borderId="34" xfId="126" applyNumberFormat="1" applyFont="1" applyBorder="1"/>
    <xf numFmtId="0" fontId="16" fillId="0" borderId="33" xfId="164" applyFont="1" applyBorder="1" applyAlignment="1">
      <alignment horizontal="left"/>
    </xf>
    <xf numFmtId="0" fontId="16" fillId="0" borderId="38" xfId="164" applyFont="1" applyBorder="1" applyAlignment="1">
      <alignment horizontal="left"/>
    </xf>
    <xf numFmtId="38" fontId="51" fillId="0" borderId="41" xfId="126" applyFont="1" applyBorder="1"/>
    <xf numFmtId="38" fontId="51" fillId="0" borderId="37" xfId="126" applyFont="1" applyBorder="1"/>
    <xf numFmtId="199" fontId="16" fillId="0" borderId="34" xfId="126" applyNumberFormat="1" applyFont="1" applyBorder="1"/>
    <xf numFmtId="0" fontId="16" fillId="0" borderId="35" xfId="164" applyFont="1" applyBorder="1" applyAlignment="1">
      <alignment horizontal="distributed"/>
    </xf>
    <xf numFmtId="0" fontId="16" fillId="0" borderId="14" xfId="164" applyFont="1" applyBorder="1" applyAlignment="1">
      <alignment horizontal="left"/>
    </xf>
    <xf numFmtId="195" fontId="16" fillId="0" borderId="14" xfId="126" applyNumberFormat="1" applyFont="1" applyBorder="1"/>
    <xf numFmtId="200" fontId="51" fillId="0" borderId="24" xfId="126" applyNumberFormat="1" applyFont="1" applyBorder="1" applyAlignment="1">
      <alignment horizontal="center"/>
    </xf>
    <xf numFmtId="40" fontId="51" fillId="0" borderId="29" xfId="126" applyNumberFormat="1" applyFont="1" applyBorder="1" applyAlignment="1">
      <alignment horizontal="center"/>
    </xf>
    <xf numFmtId="201" fontId="51" fillId="0" borderId="29" xfId="164" applyNumberFormat="1" applyFont="1" applyBorder="1" applyAlignment="1">
      <alignment horizontal="center"/>
    </xf>
    <xf numFmtId="195" fontId="16" fillId="0" borderId="34" xfId="126" applyNumberFormat="1" applyFont="1" applyBorder="1"/>
    <xf numFmtId="0" fontId="16" fillId="0" borderId="51" xfId="164" applyFont="1" applyBorder="1" applyAlignment="1">
      <alignment horizontal="left"/>
    </xf>
    <xf numFmtId="0" fontId="16" fillId="0" borderId="30" xfId="164" applyFont="1" applyBorder="1" applyAlignment="1">
      <alignment horizontal="left"/>
    </xf>
    <xf numFmtId="203" fontId="51" fillId="0" borderId="24" xfId="126" applyNumberFormat="1" applyFont="1" applyBorder="1" applyAlignment="1">
      <alignment horizontal="right"/>
    </xf>
    <xf numFmtId="38" fontId="51" fillId="0" borderId="29" xfId="126" applyFont="1" applyBorder="1" applyAlignment="1">
      <alignment horizontal="center"/>
    </xf>
    <xf numFmtId="0" fontId="51" fillId="0" borderId="29" xfId="164" applyFont="1" applyBorder="1"/>
    <xf numFmtId="38" fontId="51" fillId="0" borderId="0" xfId="126" applyFont="1" applyBorder="1" applyAlignment="1">
      <alignment horizontal="center"/>
    </xf>
    <xf numFmtId="0" fontId="51" fillId="0" borderId="0" xfId="164" applyFont="1" applyBorder="1"/>
    <xf numFmtId="203" fontId="51" fillId="0" borderId="36" xfId="126" applyNumberFormat="1" applyFont="1" applyBorder="1" applyAlignment="1">
      <alignment horizontal="center"/>
    </xf>
    <xf numFmtId="195" fontId="16" fillId="0" borderId="32" xfId="126" applyNumberFormat="1" applyFont="1" applyBorder="1"/>
    <xf numFmtId="203" fontId="51" fillId="0" borderId="29" xfId="126" applyNumberFormat="1" applyFont="1" applyBorder="1" applyAlignment="1">
      <alignment horizontal="center"/>
    </xf>
    <xf numFmtId="195" fontId="51" fillId="0" borderId="29" xfId="164" applyNumberFormat="1" applyFont="1" applyBorder="1" applyAlignment="1">
      <alignment horizontal="center"/>
    </xf>
    <xf numFmtId="0" fontId="35" fillId="0" borderId="32" xfId="164" applyFont="1" applyBorder="1" applyAlignment="1">
      <alignment horizontal="distributed"/>
    </xf>
    <xf numFmtId="0" fontId="35" fillId="0" borderId="35" xfId="164" applyFont="1" applyBorder="1" applyAlignment="1">
      <alignment horizontal="distributed"/>
    </xf>
    <xf numFmtId="204" fontId="51" fillId="0" borderId="24" xfId="126" applyNumberFormat="1" applyFont="1" applyBorder="1" applyAlignment="1">
      <alignment horizontal="right"/>
    </xf>
    <xf numFmtId="0" fontId="35" fillId="0" borderId="31" xfId="164" applyFont="1" applyBorder="1" applyAlignment="1">
      <alignment horizontal="distributed"/>
    </xf>
    <xf numFmtId="0" fontId="35" fillId="0" borderId="42" xfId="164" applyFont="1" applyBorder="1" applyAlignment="1">
      <alignment horizontal="distributed"/>
    </xf>
    <xf numFmtId="207" fontId="51" fillId="0" borderId="29" xfId="164" applyNumberFormat="1" applyFont="1" applyBorder="1" applyAlignment="1">
      <alignment horizontal="center"/>
    </xf>
    <xf numFmtId="206" fontId="51" fillId="0" borderId="52" xfId="164" applyNumberFormat="1" applyFont="1" applyBorder="1"/>
    <xf numFmtId="38" fontId="51" fillId="0" borderId="37" xfId="164" applyNumberFormat="1" applyFont="1" applyBorder="1" applyAlignment="1">
      <alignment horizontal="left"/>
    </xf>
    <xf numFmtId="38" fontId="51" fillId="0" borderId="0" xfId="126" applyFont="1" applyBorder="1"/>
    <xf numFmtId="0" fontId="35" fillId="0" borderId="14" xfId="164" applyFont="1" applyBorder="1" applyAlignment="1">
      <alignment horizontal="distributed"/>
    </xf>
    <xf numFmtId="38" fontId="51" fillId="0" borderId="24" xfId="126" quotePrefix="1" applyFont="1" applyBorder="1" applyAlignment="1">
      <alignment horizontal="right"/>
    </xf>
    <xf numFmtId="202" fontId="51" fillId="0" borderId="0" xfId="164" applyNumberFormat="1" applyFont="1" applyBorder="1" applyAlignment="1">
      <alignment horizontal="left"/>
    </xf>
    <xf numFmtId="0" fontId="16" fillId="0" borderId="71" xfId="164" applyFont="1" applyBorder="1" applyAlignment="1">
      <alignment horizontal="distributed"/>
    </xf>
    <xf numFmtId="0" fontId="16" fillId="0" borderId="62" xfId="164" applyFont="1" applyBorder="1" applyAlignment="1">
      <alignment horizontal="distributed"/>
    </xf>
    <xf numFmtId="0" fontId="16" fillId="0" borderId="72" xfId="164" applyFont="1" applyBorder="1" applyAlignment="1">
      <alignment horizontal="distributed"/>
    </xf>
    <xf numFmtId="0" fontId="16" fillId="0" borderId="72" xfId="164" applyFont="1" applyBorder="1" applyAlignment="1">
      <alignment horizontal="center"/>
    </xf>
    <xf numFmtId="38" fontId="16" fillId="0" borderId="72" xfId="126" applyFont="1" applyBorder="1"/>
    <xf numFmtId="203" fontId="51" fillId="0" borderId="63" xfId="126" applyNumberFormat="1" applyFont="1" applyBorder="1" applyAlignment="1">
      <alignment horizontal="right"/>
    </xf>
    <xf numFmtId="38" fontId="51" fillId="0" borderId="7" xfId="126" applyFont="1" applyBorder="1"/>
    <xf numFmtId="0" fontId="51" fillId="0" borderId="7" xfId="164" applyFont="1" applyBorder="1" applyAlignment="1">
      <alignment horizontal="left"/>
    </xf>
    <xf numFmtId="0" fontId="49" fillId="0" borderId="64" xfId="164" applyFont="1" applyBorder="1"/>
    <xf numFmtId="208" fontId="51" fillId="0" borderId="29" xfId="126" quotePrefix="1" applyNumberFormat="1" applyFont="1" applyBorder="1" applyAlignment="1">
      <alignment horizontal="left"/>
    </xf>
    <xf numFmtId="0" fontId="12" fillId="0" borderId="0" xfId="0" applyFont="1" applyAlignment="1">
      <alignment horizontal="center"/>
    </xf>
    <xf numFmtId="0" fontId="6" fillId="0" borderId="0" xfId="0" applyFont="1" applyBorder="1" applyAlignment="1">
      <alignment horizontal="center"/>
    </xf>
    <xf numFmtId="177" fontId="51" fillId="0" borderId="29" xfId="164" applyNumberFormat="1" applyFont="1" applyBorder="1" applyAlignment="1">
      <alignment horizontal="center"/>
    </xf>
    <xf numFmtId="195" fontId="16" fillId="0" borderId="72" xfId="126" applyNumberFormat="1" applyFont="1" applyBorder="1"/>
    <xf numFmtId="0" fontId="52" fillId="0" borderId="66" xfId="164" applyFont="1" applyBorder="1" applyAlignment="1"/>
    <xf numFmtId="205" fontId="51" fillId="0" borderId="52" xfId="164" applyNumberFormat="1" applyFont="1" applyFill="1" applyBorder="1" applyAlignment="1">
      <alignment horizontal="center"/>
    </xf>
    <xf numFmtId="0" fontId="6" fillId="0" borderId="53" xfId="0" applyFont="1" applyBorder="1" applyAlignment="1"/>
    <xf numFmtId="0" fontId="15" fillId="0" borderId="73" xfId="163" applyFont="1" applyFill="1" applyBorder="1" applyAlignment="1"/>
    <xf numFmtId="0" fontId="6" fillId="0" borderId="56" xfId="163" applyFont="1" applyFill="1" applyBorder="1" applyAlignment="1"/>
    <xf numFmtId="0" fontId="15" fillId="0" borderId="56" xfId="163" applyFont="1" applyFill="1" applyBorder="1" applyAlignment="1"/>
    <xf numFmtId="0" fontId="53" fillId="0" borderId="74" xfId="0" applyFont="1" applyBorder="1" applyAlignment="1">
      <alignment horizontal="center" vertical="center" shrinkToFit="1"/>
    </xf>
    <xf numFmtId="0" fontId="53" fillId="0" borderId="75" xfId="0" applyFont="1" applyBorder="1" applyAlignment="1">
      <alignment horizontal="center" vertical="center" shrinkToFit="1"/>
    </xf>
    <xf numFmtId="38" fontId="53" fillId="0" borderId="9" xfId="126" applyFont="1" applyBorder="1" applyAlignment="1">
      <alignment horizontal="center" vertical="center" shrinkToFit="1"/>
    </xf>
    <xf numFmtId="0" fontId="53" fillId="0" borderId="76" xfId="0" applyFont="1" applyBorder="1" applyAlignment="1">
      <alignment horizontal="center" vertical="center" shrinkToFit="1"/>
    </xf>
    <xf numFmtId="0" fontId="4" fillId="0" borderId="0" xfId="0" applyFont="1" applyAlignment="1">
      <alignment horizontal="center" vertical="center"/>
    </xf>
    <xf numFmtId="0" fontId="55" fillId="0" borderId="77" xfId="0" applyFont="1" applyBorder="1" applyAlignment="1" applyProtection="1">
      <alignment vertical="center"/>
      <protection locked="0"/>
    </xf>
    <xf numFmtId="0" fontId="55" fillId="0" borderId="12" xfId="0" applyFont="1" applyBorder="1" applyAlignment="1" applyProtection="1">
      <alignment vertical="center"/>
      <protection locked="0"/>
    </xf>
    <xf numFmtId="0" fontId="55" fillId="0" borderId="12" xfId="0" applyFont="1" applyBorder="1" applyAlignment="1" applyProtection="1">
      <alignment horizontal="center" vertical="center"/>
      <protection locked="0"/>
    </xf>
    <xf numFmtId="0" fontId="55" fillId="0" borderId="12" xfId="0" applyFont="1" applyBorder="1" applyAlignment="1" applyProtection="1">
      <alignment horizontal="right" vertical="center"/>
      <protection locked="0"/>
    </xf>
    <xf numFmtId="38" fontId="55" fillId="0" borderId="12" xfId="126" applyFont="1" applyBorder="1" applyAlignment="1" applyProtection="1">
      <alignment horizontal="right" vertical="center"/>
      <protection locked="0"/>
    </xf>
    <xf numFmtId="196" fontId="55" fillId="0" borderId="12" xfId="126" applyNumberFormat="1" applyFont="1" applyBorder="1" applyAlignment="1" applyProtection="1">
      <alignment horizontal="right" vertical="center"/>
      <protection locked="0"/>
    </xf>
    <xf numFmtId="0" fontId="55" fillId="0" borderId="78" xfId="0" applyFont="1" applyBorder="1" applyAlignment="1" applyProtection="1">
      <alignment horizontal="center" vertical="center"/>
      <protection locked="0"/>
    </xf>
    <xf numFmtId="0" fontId="56" fillId="0" borderId="0" xfId="0" applyFont="1" applyAlignment="1">
      <alignment horizontal="center" vertical="center"/>
    </xf>
    <xf numFmtId="0" fontId="55" fillId="0" borderId="79" xfId="0" applyFont="1" applyBorder="1" applyAlignment="1" applyProtection="1">
      <alignment vertical="center"/>
      <protection locked="0"/>
    </xf>
    <xf numFmtId="0" fontId="55" fillId="0" borderId="80" xfId="0" applyFont="1" applyBorder="1" applyAlignment="1" applyProtection="1">
      <alignment vertical="center"/>
      <protection locked="0"/>
    </xf>
    <xf numFmtId="0" fontId="55" fillId="0" borderId="80" xfId="0" applyFont="1" applyBorder="1" applyAlignment="1" applyProtection="1">
      <alignment horizontal="center" vertical="center"/>
      <protection locked="0"/>
    </xf>
    <xf numFmtId="0" fontId="55" fillId="0" borderId="80" xfId="0" applyFont="1" applyBorder="1" applyAlignment="1" applyProtection="1">
      <alignment horizontal="right" vertical="center"/>
      <protection locked="0"/>
    </xf>
    <xf numFmtId="38" fontId="55" fillId="0" borderId="80" xfId="126" applyFont="1" applyBorder="1" applyAlignment="1" applyProtection="1">
      <alignment horizontal="right" vertical="center"/>
      <protection locked="0"/>
    </xf>
    <xf numFmtId="197" fontId="55" fillId="0" borderId="80" xfId="126" applyNumberFormat="1" applyFont="1" applyBorder="1" applyAlignment="1" applyProtection="1">
      <alignment horizontal="right" vertical="center"/>
      <protection locked="0"/>
    </xf>
    <xf numFmtId="0" fontId="55" fillId="0" borderId="81" xfId="0" applyFont="1" applyBorder="1" applyAlignment="1" applyProtection="1">
      <alignment horizontal="center" vertical="center"/>
      <protection locked="0"/>
    </xf>
    <xf numFmtId="0" fontId="55" fillId="0" borderId="82" xfId="0" applyFont="1" applyBorder="1" applyAlignment="1" applyProtection="1">
      <protection locked="0"/>
    </xf>
    <xf numFmtId="0" fontId="55" fillId="0" borderId="83" xfId="0" applyFont="1" applyBorder="1" applyAlignment="1" applyProtection="1">
      <protection locked="0"/>
    </xf>
    <xf numFmtId="0" fontId="55" fillId="0" borderId="83" xfId="0" applyFont="1" applyBorder="1" applyAlignment="1" applyProtection="1">
      <alignment horizontal="center"/>
      <protection locked="0"/>
    </xf>
    <xf numFmtId="0" fontId="55" fillId="0" borderId="83" xfId="0" applyFont="1" applyBorder="1" applyAlignment="1" applyProtection="1">
      <alignment horizontal="right"/>
      <protection locked="0"/>
    </xf>
    <xf numFmtId="38" fontId="55" fillId="0" borderId="83" xfId="126" applyFont="1" applyBorder="1" applyAlignment="1" applyProtection="1">
      <alignment horizontal="right"/>
      <protection locked="0"/>
    </xf>
    <xf numFmtId="198" fontId="55" fillId="0" borderId="83" xfId="126" applyNumberFormat="1" applyFont="1" applyBorder="1" applyProtection="1">
      <protection locked="0"/>
    </xf>
    <xf numFmtId="0" fontId="55" fillId="0" borderId="84" xfId="0" applyFont="1" applyBorder="1" applyAlignment="1" applyProtection="1">
      <protection locked="0"/>
    </xf>
    <xf numFmtId="0" fontId="56" fillId="0" borderId="0" xfId="0" applyFont="1" applyAlignment="1"/>
    <xf numFmtId="0" fontId="55" fillId="0" borderId="85" xfId="0" applyFont="1" applyBorder="1" applyAlignment="1" applyProtection="1">
      <alignment vertical="center"/>
      <protection locked="0"/>
    </xf>
    <xf numFmtId="0" fontId="55" fillId="0" borderId="36" xfId="0" applyFont="1" applyBorder="1" applyAlignment="1" applyProtection="1">
      <alignment vertical="center"/>
      <protection locked="0"/>
    </xf>
    <xf numFmtId="176" fontId="55" fillId="0" borderId="83" xfId="126" applyNumberFormat="1" applyFont="1" applyBorder="1" applyAlignment="1" applyProtection="1">
      <alignment horizontal="right"/>
      <protection locked="0"/>
    </xf>
    <xf numFmtId="176" fontId="55" fillId="0" borderId="83" xfId="126" applyNumberFormat="1" applyFont="1" applyBorder="1" applyProtection="1">
      <protection locked="0"/>
    </xf>
    <xf numFmtId="211" fontId="55" fillId="0" borderId="83" xfId="0" applyNumberFormat="1" applyFont="1" applyBorder="1" applyAlignment="1" applyProtection="1">
      <alignment horizontal="right"/>
      <protection locked="0"/>
    </xf>
    <xf numFmtId="0" fontId="55" fillId="0" borderId="84" xfId="0" applyFont="1" applyBorder="1" applyAlignment="1" applyProtection="1">
      <alignment horizontal="center"/>
      <protection locked="0"/>
    </xf>
    <xf numFmtId="179" fontId="55" fillId="0" borderId="83" xfId="126" applyNumberFormat="1" applyFont="1" applyBorder="1" applyProtection="1">
      <protection locked="0"/>
    </xf>
    <xf numFmtId="0" fontId="55" fillId="0" borderId="82" xfId="0" applyFont="1" applyBorder="1" applyAlignment="1" applyProtection="1">
      <alignment horizontal="right"/>
      <protection locked="0"/>
    </xf>
    <xf numFmtId="0" fontId="55" fillId="0" borderId="79" xfId="0" applyFont="1" applyBorder="1" applyAlignment="1" applyProtection="1">
      <protection locked="0"/>
    </xf>
    <xf numFmtId="0" fontId="56" fillId="0" borderId="79" xfId="0" applyFont="1" applyBorder="1" applyAlignment="1" applyProtection="1">
      <protection locked="0"/>
    </xf>
    <xf numFmtId="0" fontId="55" fillId="0" borderId="77" xfId="0" applyFont="1" applyBorder="1" applyAlignment="1" applyProtection="1">
      <alignment vertical="center" shrinkToFit="1"/>
      <protection locked="0"/>
    </xf>
    <xf numFmtId="0" fontId="55" fillId="0" borderId="12" xfId="0" applyFont="1" applyBorder="1" applyAlignment="1" applyProtection="1">
      <alignment vertical="center" shrinkToFit="1"/>
      <protection locked="0"/>
    </xf>
    <xf numFmtId="0" fontId="55" fillId="0" borderId="12" xfId="0" applyFont="1" applyBorder="1" applyAlignment="1" applyProtection="1">
      <alignment horizontal="center" vertical="center" shrinkToFit="1"/>
      <protection locked="0"/>
    </xf>
    <xf numFmtId="0" fontId="55" fillId="0" borderId="12" xfId="0" applyFont="1" applyBorder="1" applyAlignment="1" applyProtection="1">
      <alignment horizontal="right" vertical="center" shrinkToFit="1"/>
      <protection locked="0"/>
    </xf>
    <xf numFmtId="38" fontId="55" fillId="0" borderId="12" xfId="126" applyFont="1" applyBorder="1" applyAlignment="1" applyProtection="1">
      <alignment horizontal="right" vertical="center" shrinkToFit="1"/>
      <protection locked="0"/>
    </xf>
    <xf numFmtId="196" fontId="55" fillId="0" borderId="12" xfId="126" applyNumberFormat="1" applyFont="1" applyBorder="1" applyAlignment="1" applyProtection="1">
      <alignment horizontal="right" vertical="center" shrinkToFit="1"/>
      <protection locked="0"/>
    </xf>
    <xf numFmtId="0" fontId="55" fillId="0" borderId="78" xfId="0" applyFont="1" applyBorder="1" applyAlignment="1" applyProtection="1">
      <alignment horizontal="center" vertical="center" shrinkToFit="1"/>
      <protection locked="0"/>
    </xf>
    <xf numFmtId="0" fontId="55" fillId="0" borderId="79" xfId="0" applyFont="1" applyBorder="1" applyAlignment="1" applyProtection="1">
      <alignment vertical="center" shrinkToFit="1"/>
      <protection locked="0"/>
    </xf>
    <xf numFmtId="0" fontId="55" fillId="0" borderId="80" xfId="0" applyFont="1" applyBorder="1" applyAlignment="1" applyProtection="1">
      <alignment vertical="center" shrinkToFit="1"/>
      <protection locked="0"/>
    </xf>
    <xf numFmtId="0" fontId="55" fillId="0" borderId="80" xfId="0" applyFont="1" applyBorder="1" applyAlignment="1" applyProtection="1">
      <alignment horizontal="center" vertical="center" shrinkToFit="1"/>
      <protection locked="0"/>
    </xf>
    <xf numFmtId="0" fontId="55" fillId="0" borderId="80" xfId="0" applyFont="1" applyBorder="1" applyAlignment="1" applyProtection="1">
      <alignment horizontal="right" vertical="center" shrinkToFit="1"/>
      <protection locked="0"/>
    </xf>
    <xf numFmtId="38" fontId="55" fillId="0" borderId="80" xfId="126" applyFont="1" applyBorder="1" applyAlignment="1" applyProtection="1">
      <alignment horizontal="right" vertical="center" shrinkToFit="1"/>
      <protection locked="0"/>
    </xf>
    <xf numFmtId="197" fontId="55" fillId="0" borderId="80" xfId="126" applyNumberFormat="1" applyFont="1" applyBorder="1" applyAlignment="1" applyProtection="1">
      <alignment horizontal="right" vertical="center" shrinkToFit="1"/>
      <protection locked="0"/>
    </xf>
    <xf numFmtId="0" fontId="55" fillId="0" borderId="81" xfId="0" applyFont="1" applyBorder="1" applyAlignment="1" applyProtection="1">
      <alignment horizontal="center" vertical="center" shrinkToFit="1"/>
      <protection locked="0"/>
    </xf>
    <xf numFmtId="0" fontId="55" fillId="0" borderId="82" xfId="0" applyFont="1" applyBorder="1" applyAlignment="1" applyProtection="1">
      <alignment shrinkToFit="1"/>
      <protection locked="0"/>
    </xf>
    <xf numFmtId="0" fontId="55" fillId="0" borderId="83" xfId="0" applyFont="1" applyBorder="1" applyAlignment="1" applyProtection="1">
      <alignment shrinkToFit="1"/>
      <protection locked="0"/>
    </xf>
    <xf numFmtId="0" fontId="55" fillId="0" borderId="83" xfId="0" applyFont="1" applyBorder="1" applyAlignment="1" applyProtection="1">
      <alignment horizontal="center" shrinkToFit="1"/>
      <protection locked="0"/>
    </xf>
    <xf numFmtId="0" fontId="55" fillId="0" borderId="83" xfId="0" applyFont="1" applyBorder="1" applyAlignment="1" applyProtection="1">
      <alignment horizontal="right" shrinkToFit="1"/>
      <protection locked="0"/>
    </xf>
    <xf numFmtId="38" fontId="55" fillId="0" borderId="83" xfId="126" applyFont="1" applyBorder="1" applyAlignment="1" applyProtection="1">
      <alignment horizontal="right" shrinkToFit="1"/>
      <protection locked="0"/>
    </xf>
    <xf numFmtId="198" fontId="55" fillId="0" borderId="83" xfId="126" applyNumberFormat="1" applyFont="1" applyBorder="1" applyAlignment="1" applyProtection="1">
      <alignment shrinkToFit="1"/>
      <protection locked="0"/>
    </xf>
    <xf numFmtId="0" fontId="55" fillId="0" borderId="84" xfId="0" applyFont="1" applyBorder="1" applyAlignment="1" applyProtection="1">
      <alignment shrinkToFit="1"/>
      <protection locked="0"/>
    </xf>
    <xf numFmtId="0" fontId="55" fillId="0" borderId="82" xfId="0" applyFont="1" applyBorder="1" applyAlignment="1" applyProtection="1">
      <alignment horizontal="right" shrinkToFit="1"/>
      <protection locked="0"/>
    </xf>
    <xf numFmtId="176" fontId="55" fillId="0" borderId="83" xfId="126" applyNumberFormat="1" applyFont="1" applyBorder="1" applyAlignment="1" applyProtection="1">
      <alignment horizontal="right" shrinkToFit="1"/>
      <protection locked="0"/>
    </xf>
    <xf numFmtId="176" fontId="55" fillId="0" borderId="83" xfId="126" applyNumberFormat="1" applyFont="1" applyBorder="1" applyAlignment="1" applyProtection="1">
      <alignment shrinkToFit="1"/>
      <protection locked="0"/>
    </xf>
    <xf numFmtId="204" fontId="55" fillId="0" borderId="83" xfId="126" applyNumberFormat="1" applyFont="1" applyBorder="1" applyAlignment="1" applyProtection="1">
      <alignment shrinkToFit="1"/>
      <protection locked="0"/>
    </xf>
    <xf numFmtId="0" fontId="55" fillId="0" borderId="79" xfId="0" applyFont="1" applyBorder="1" applyAlignment="1" applyProtection="1">
      <alignment shrinkToFit="1"/>
      <protection locked="0"/>
    </xf>
    <xf numFmtId="0" fontId="55" fillId="0" borderId="12" xfId="0" applyFont="1" applyFill="1" applyBorder="1" applyAlignment="1" applyProtection="1">
      <alignment horizontal="right" vertical="center" shrinkToFit="1"/>
      <protection locked="0"/>
    </xf>
    <xf numFmtId="0" fontId="55" fillId="0" borderId="80" xfId="0" quotePrefix="1" applyFont="1" applyBorder="1" applyAlignment="1" applyProtection="1">
      <alignment vertical="center" shrinkToFit="1"/>
      <protection locked="0"/>
    </xf>
    <xf numFmtId="0" fontId="55" fillId="0" borderId="80" xfId="0" applyFont="1" applyFill="1" applyBorder="1" applyAlignment="1" applyProtection="1">
      <alignment horizontal="right" vertical="center" shrinkToFit="1"/>
      <protection locked="0"/>
    </xf>
    <xf numFmtId="0" fontId="55" fillId="0" borderId="86" xfId="0" applyFont="1" applyBorder="1" applyAlignment="1" applyProtection="1">
      <alignment shrinkToFit="1"/>
      <protection locked="0"/>
    </xf>
    <xf numFmtId="0" fontId="55" fillId="0" borderId="87" xfId="0" applyFont="1" applyBorder="1" applyAlignment="1" applyProtection="1">
      <alignment shrinkToFit="1"/>
      <protection locked="0"/>
    </xf>
    <xf numFmtId="0" fontId="55" fillId="0" borderId="87" xfId="0" applyFont="1" applyBorder="1" applyAlignment="1" applyProtection="1">
      <alignment horizontal="center" shrinkToFit="1"/>
      <protection locked="0"/>
    </xf>
    <xf numFmtId="0" fontId="55" fillId="0" borderId="87" xfId="0" applyFont="1" applyBorder="1" applyAlignment="1" applyProtection="1">
      <alignment horizontal="right" shrinkToFit="1"/>
      <protection locked="0"/>
    </xf>
    <xf numFmtId="38" fontId="55" fillId="0" borderId="87" xfId="126" applyFont="1" applyBorder="1" applyAlignment="1" applyProtection="1">
      <alignment horizontal="right" shrinkToFit="1"/>
      <protection locked="0"/>
    </xf>
    <xf numFmtId="198" fontId="55" fillId="0" borderId="87" xfId="126" applyNumberFormat="1" applyFont="1" applyBorder="1" applyAlignment="1" applyProtection="1">
      <alignment shrinkToFit="1"/>
      <protection locked="0"/>
    </xf>
    <xf numFmtId="0" fontId="55" fillId="0" borderId="88" xfId="0" applyFont="1" applyBorder="1" applyAlignment="1" applyProtection="1">
      <alignment shrinkToFit="1"/>
      <protection locked="0"/>
    </xf>
    <xf numFmtId="0" fontId="53" fillId="0" borderId="74" xfId="0" applyNumberFormat="1" applyFont="1" applyBorder="1" applyAlignment="1">
      <alignment horizontal="center" vertical="center" shrinkToFit="1"/>
    </xf>
    <xf numFmtId="0" fontId="53" fillId="0" borderId="75" xfId="0" applyNumberFormat="1" applyFont="1" applyBorder="1" applyAlignment="1">
      <alignment horizontal="center" vertical="center" shrinkToFit="1"/>
    </xf>
    <xf numFmtId="0" fontId="53" fillId="0" borderId="9" xfId="126" applyNumberFormat="1" applyFont="1" applyBorder="1" applyAlignment="1">
      <alignment horizontal="center" vertical="center" shrinkToFit="1"/>
    </xf>
    <xf numFmtId="0" fontId="53" fillId="0" borderId="76" xfId="0" applyNumberFormat="1" applyFont="1" applyBorder="1" applyAlignment="1">
      <alignment horizontal="center" vertical="center" shrinkToFit="1"/>
    </xf>
    <xf numFmtId="0" fontId="4" fillId="0" borderId="0" xfId="0" applyNumberFormat="1" applyFont="1" applyAlignment="1">
      <alignment horizontal="center" vertical="center"/>
    </xf>
    <xf numFmtId="0" fontId="55" fillId="0" borderId="77" xfId="0" applyNumberFormat="1" applyFont="1" applyBorder="1" applyAlignment="1" applyProtection="1">
      <alignment vertical="center"/>
      <protection locked="0"/>
    </xf>
    <xf numFmtId="0" fontId="55" fillId="0" borderId="12" xfId="0" applyNumberFormat="1" applyFont="1" applyBorder="1" applyAlignment="1" applyProtection="1">
      <alignment vertical="center"/>
      <protection locked="0"/>
    </xf>
    <xf numFmtId="0" fontId="55" fillId="0" borderId="12" xfId="0" applyNumberFormat="1" applyFont="1" applyBorder="1" applyAlignment="1" applyProtection="1">
      <alignment vertical="center" shrinkToFit="1"/>
      <protection locked="0"/>
    </xf>
    <xf numFmtId="0" fontId="55" fillId="0" borderId="12" xfId="0" applyNumberFormat="1" applyFont="1" applyBorder="1" applyAlignment="1" applyProtection="1">
      <alignment horizontal="center" vertical="center" shrinkToFit="1"/>
      <protection locked="0"/>
    </xf>
    <xf numFmtId="0" fontId="55" fillId="0" borderId="12" xfId="0" applyNumberFormat="1" applyFont="1" applyBorder="1" applyAlignment="1" applyProtection="1">
      <alignment horizontal="right" vertical="center" shrinkToFit="1"/>
      <protection locked="0"/>
    </xf>
    <xf numFmtId="0" fontId="55" fillId="0" borderId="12" xfId="126" applyNumberFormat="1" applyFont="1" applyBorder="1" applyAlignment="1" applyProtection="1">
      <alignment horizontal="right" vertical="center" shrinkToFit="1"/>
      <protection locked="0"/>
    </xf>
    <xf numFmtId="0" fontId="55" fillId="0" borderId="78" xfId="0" applyNumberFormat="1" applyFont="1" applyBorder="1" applyAlignment="1" applyProtection="1">
      <alignment horizontal="center" vertical="center" shrinkToFit="1"/>
      <protection locked="0"/>
    </xf>
    <xf numFmtId="0" fontId="56" fillId="0" borderId="0" xfId="0" applyNumberFormat="1" applyFont="1" applyAlignment="1">
      <alignment horizontal="center" vertical="center"/>
    </xf>
    <xf numFmtId="0" fontId="55" fillId="0" borderId="79" xfId="0" applyNumberFormat="1" applyFont="1" applyBorder="1" applyAlignment="1" applyProtection="1">
      <alignment vertical="center"/>
      <protection locked="0"/>
    </xf>
    <xf numFmtId="0" fontId="55" fillId="0" borderId="80" xfId="0" applyNumberFormat="1" applyFont="1" applyBorder="1" applyAlignment="1" applyProtection="1">
      <alignment vertical="center"/>
      <protection locked="0"/>
    </xf>
    <xf numFmtId="0" fontId="55" fillId="0" borderId="80" xfId="0" applyNumberFormat="1" applyFont="1" applyBorder="1" applyAlignment="1" applyProtection="1">
      <alignment vertical="center" shrinkToFit="1"/>
      <protection locked="0"/>
    </xf>
    <xf numFmtId="0" fontId="55" fillId="0" borderId="80" xfId="0" applyNumberFormat="1" applyFont="1" applyBorder="1" applyAlignment="1" applyProtection="1">
      <alignment horizontal="center" vertical="center" shrinkToFit="1"/>
      <protection locked="0"/>
    </xf>
    <xf numFmtId="0" fontId="55" fillId="0" borderId="80" xfId="0" applyNumberFormat="1" applyFont="1" applyBorder="1" applyAlignment="1" applyProtection="1">
      <alignment horizontal="right" vertical="center" shrinkToFit="1"/>
      <protection locked="0"/>
    </xf>
    <xf numFmtId="0" fontId="55" fillId="0" borderId="80" xfId="126" applyNumberFormat="1" applyFont="1" applyBorder="1" applyAlignment="1" applyProtection="1">
      <alignment horizontal="right" vertical="center" shrinkToFit="1"/>
      <protection locked="0"/>
    </xf>
    <xf numFmtId="0" fontId="55" fillId="0" borderId="81" xfId="0" applyNumberFormat="1" applyFont="1" applyBorder="1" applyAlignment="1" applyProtection="1">
      <alignment horizontal="center" vertical="center" shrinkToFit="1"/>
      <protection locked="0"/>
    </xf>
    <xf numFmtId="0" fontId="55" fillId="0" borderId="82" xfId="0" applyNumberFormat="1" applyFont="1" applyBorder="1" applyAlignment="1" applyProtection="1">
      <protection locked="0"/>
    </xf>
    <xf numFmtId="0" fontId="55" fillId="0" borderId="83" xfId="0" applyNumberFormat="1" applyFont="1" applyBorder="1" applyAlignment="1" applyProtection="1">
      <protection locked="0"/>
    </xf>
    <xf numFmtId="0" fontId="55" fillId="0" borderId="83" xfId="0" applyNumberFormat="1" applyFont="1" applyBorder="1" applyAlignment="1" applyProtection="1">
      <alignment shrinkToFit="1"/>
      <protection locked="0"/>
    </xf>
    <xf numFmtId="0" fontId="55" fillId="0" borderId="83" xfId="0" applyNumberFormat="1" applyFont="1" applyBorder="1" applyAlignment="1" applyProtection="1">
      <alignment horizontal="center" shrinkToFit="1"/>
      <protection locked="0"/>
    </xf>
    <xf numFmtId="0" fontId="55" fillId="0" borderId="83" xfId="0" applyNumberFormat="1" applyFont="1" applyBorder="1" applyAlignment="1" applyProtection="1">
      <alignment horizontal="right" shrinkToFit="1"/>
      <protection locked="0"/>
    </xf>
    <xf numFmtId="0" fontId="55" fillId="0" borderId="83" xfId="126" applyNumberFormat="1" applyFont="1" applyBorder="1" applyAlignment="1" applyProtection="1">
      <alignment horizontal="right" shrinkToFit="1"/>
      <protection locked="0"/>
    </xf>
    <xf numFmtId="0" fontId="55" fillId="0" borderId="84" xfId="0" applyNumberFormat="1" applyFont="1" applyBorder="1" applyAlignment="1" applyProtection="1">
      <alignment shrinkToFit="1"/>
      <protection locked="0"/>
    </xf>
    <xf numFmtId="0" fontId="56" fillId="0" borderId="0" xfId="0" applyNumberFormat="1" applyFont="1" applyAlignment="1"/>
    <xf numFmtId="0" fontId="58" fillId="0" borderId="12" xfId="0" applyNumberFormat="1" applyFont="1" applyBorder="1" applyAlignment="1">
      <alignment horizontal="center"/>
    </xf>
    <xf numFmtId="0" fontId="58" fillId="0" borderId="80" xfId="0" applyNumberFormat="1" applyFont="1" applyBorder="1" applyAlignment="1">
      <alignment horizontal="distributed"/>
    </xf>
    <xf numFmtId="0" fontId="58" fillId="0" borderId="83" xfId="0" applyNumberFormat="1" applyFont="1" applyBorder="1" applyAlignment="1">
      <alignment horizontal="center"/>
    </xf>
    <xf numFmtId="0" fontId="55" fillId="0" borderId="84" xfId="0" applyNumberFormat="1" applyFont="1" applyBorder="1" applyAlignment="1" applyProtection="1">
      <alignment horizontal="center" shrinkToFit="1"/>
      <protection locked="0"/>
    </xf>
    <xf numFmtId="0" fontId="55" fillId="0" borderId="12" xfId="0" applyNumberFormat="1" applyFont="1" applyBorder="1" applyAlignment="1">
      <alignment horizontal="center"/>
    </xf>
    <xf numFmtId="0" fontId="55" fillId="0" borderId="78" xfId="0" applyNumberFormat="1" applyFont="1" applyBorder="1" applyAlignment="1" applyProtection="1">
      <alignment vertical="center" shrinkToFit="1"/>
      <protection locked="0"/>
    </xf>
    <xf numFmtId="0" fontId="56" fillId="0" borderId="0" xfId="0" applyNumberFormat="1" applyFont="1" applyAlignment="1">
      <alignment vertical="center"/>
    </xf>
    <xf numFmtId="0" fontId="55" fillId="0" borderId="77" xfId="0" applyNumberFormat="1" applyFont="1" applyBorder="1" applyAlignment="1" applyProtection="1">
      <alignment vertical="center" shrinkToFit="1"/>
      <protection locked="0"/>
    </xf>
    <xf numFmtId="0" fontId="55" fillId="0" borderId="12" xfId="0" applyNumberFormat="1" applyFont="1" applyBorder="1" applyAlignment="1">
      <alignment horizontal="center" shrinkToFit="1"/>
    </xf>
    <xf numFmtId="0" fontId="55" fillId="0" borderId="79" xfId="0" applyNumberFormat="1" applyFont="1" applyBorder="1" applyAlignment="1" applyProtection="1">
      <alignment vertical="center" shrinkToFit="1"/>
      <protection locked="0"/>
    </xf>
    <xf numFmtId="0" fontId="55" fillId="0" borderId="82" xfId="0" applyNumberFormat="1" applyFont="1" applyBorder="1" applyAlignment="1" applyProtection="1">
      <alignment shrinkToFit="1"/>
      <protection locked="0"/>
    </xf>
    <xf numFmtId="0" fontId="55" fillId="0" borderId="80" xfId="0" applyNumberFormat="1" applyFont="1" applyBorder="1" applyAlignment="1">
      <alignment horizontal="left" shrinkToFit="1"/>
    </xf>
    <xf numFmtId="0" fontId="55" fillId="0" borderId="83" xfId="0" applyNumberFormat="1" applyFont="1" applyBorder="1" applyAlignment="1">
      <alignment horizontal="left" shrinkToFit="1"/>
    </xf>
    <xf numFmtId="0" fontId="55" fillId="0" borderId="89" xfId="0" applyNumberFormat="1" applyFont="1" applyBorder="1" applyAlignment="1" applyProtection="1">
      <alignment shrinkToFit="1"/>
      <protection locked="0"/>
    </xf>
    <xf numFmtId="0" fontId="55" fillId="0" borderId="83" xfId="0" applyNumberFormat="1" applyFont="1" applyBorder="1" applyAlignment="1" applyProtection="1">
      <alignment vertical="center" shrinkToFit="1"/>
      <protection locked="0"/>
    </xf>
    <xf numFmtId="0" fontId="55" fillId="0" borderId="83" xfId="0" applyNumberFormat="1" applyFont="1" applyBorder="1" applyAlignment="1" applyProtection="1">
      <alignment horizontal="left" shrinkToFit="1"/>
      <protection locked="0"/>
    </xf>
    <xf numFmtId="0" fontId="55" fillId="0" borderId="86" xfId="0" applyNumberFormat="1" applyFont="1" applyBorder="1" applyAlignment="1" applyProtection="1">
      <alignment shrinkToFit="1"/>
      <protection locked="0"/>
    </xf>
    <xf numFmtId="0" fontId="55" fillId="0" borderId="87" xfId="0" applyNumberFormat="1" applyFont="1" applyBorder="1" applyAlignment="1" applyProtection="1">
      <alignment shrinkToFit="1"/>
      <protection locked="0"/>
    </xf>
    <xf numFmtId="0" fontId="55" fillId="0" borderId="87" xfId="0" applyNumberFormat="1" applyFont="1" applyBorder="1" applyAlignment="1" applyProtection="1">
      <alignment horizontal="center" shrinkToFit="1"/>
      <protection locked="0"/>
    </xf>
    <xf numFmtId="0" fontId="55" fillId="0" borderId="87" xfId="0" applyNumberFormat="1" applyFont="1" applyBorder="1" applyAlignment="1" applyProtection="1">
      <alignment horizontal="right" shrinkToFit="1"/>
      <protection locked="0"/>
    </xf>
    <xf numFmtId="0" fontId="59" fillId="0" borderId="0" xfId="0" applyNumberFormat="1" applyFont="1" applyAlignment="1">
      <alignment vertical="center"/>
    </xf>
    <xf numFmtId="0" fontId="53" fillId="0" borderId="82" xfId="0" applyNumberFormat="1" applyFont="1" applyBorder="1" applyAlignment="1">
      <alignment horizontal="center" vertical="center" shrinkToFit="1"/>
    </xf>
    <xf numFmtId="0" fontId="53" fillId="0" borderId="83" xfId="0" applyNumberFormat="1" applyFont="1" applyBorder="1" applyAlignment="1">
      <alignment horizontal="center" vertical="center" shrinkToFit="1"/>
    </xf>
    <xf numFmtId="0" fontId="53" fillId="0" borderId="83" xfId="126" applyNumberFormat="1" applyFont="1" applyBorder="1" applyAlignment="1">
      <alignment horizontal="center" vertical="center" shrinkToFit="1"/>
    </xf>
    <xf numFmtId="0" fontId="53" fillId="0" borderId="84" xfId="0" applyNumberFormat="1" applyFont="1" applyBorder="1" applyAlignment="1">
      <alignment horizontal="center" vertical="center" shrinkToFit="1"/>
    </xf>
    <xf numFmtId="0" fontId="4" fillId="0" borderId="0" xfId="0" applyNumberFormat="1" applyFont="1" applyAlignment="1"/>
    <xf numFmtId="0" fontId="55" fillId="0" borderId="12" xfId="0" applyNumberFormat="1" applyFont="1" applyBorder="1" applyAlignment="1" applyProtection="1">
      <alignment horizontal="center" vertical="center"/>
      <protection locked="0"/>
    </xf>
    <xf numFmtId="0" fontId="55" fillId="0" borderId="12" xfId="0" applyNumberFormat="1" applyFont="1" applyBorder="1" applyAlignment="1" applyProtection="1">
      <alignment horizontal="right" vertical="center"/>
      <protection locked="0"/>
    </xf>
    <xf numFmtId="0" fontId="55" fillId="0" borderId="12" xfId="126" applyNumberFormat="1" applyFont="1" applyBorder="1" applyAlignment="1" applyProtection="1">
      <alignment horizontal="right" vertical="center"/>
      <protection locked="0"/>
    </xf>
    <xf numFmtId="0" fontId="56" fillId="0" borderId="78" xfId="0" applyNumberFormat="1" applyFont="1" applyBorder="1" applyAlignment="1" applyProtection="1">
      <alignment horizontal="center" vertical="center"/>
      <protection locked="0"/>
    </xf>
    <xf numFmtId="0" fontId="56" fillId="0" borderId="79" xfId="0" applyNumberFormat="1" applyFont="1" applyBorder="1" applyAlignment="1" applyProtection="1">
      <alignment vertical="center"/>
      <protection locked="0"/>
    </xf>
    <xf numFmtId="0" fontId="55" fillId="0" borderId="80" xfId="0" applyNumberFormat="1" applyFont="1" applyBorder="1" applyAlignment="1" applyProtection="1">
      <alignment horizontal="center" vertical="center"/>
      <protection locked="0"/>
    </xf>
    <xf numFmtId="0" fontId="55" fillId="0" borderId="80" xfId="0" applyNumberFormat="1" applyFont="1" applyBorder="1" applyAlignment="1" applyProtection="1">
      <alignment horizontal="right" vertical="center"/>
      <protection locked="0"/>
    </xf>
    <xf numFmtId="0" fontId="55" fillId="0" borderId="80" xfId="126" applyNumberFormat="1" applyFont="1" applyBorder="1" applyAlignment="1" applyProtection="1">
      <alignment horizontal="right" vertical="center"/>
      <protection locked="0"/>
    </xf>
    <xf numFmtId="0" fontId="55" fillId="0" borderId="83" xfId="0" applyNumberFormat="1" applyFont="1" applyBorder="1" applyAlignment="1" applyProtection="1">
      <alignment horizontal="center"/>
      <protection locked="0"/>
    </xf>
    <xf numFmtId="0" fontId="55" fillId="0" borderId="83" xfId="126" applyNumberFormat="1" applyFont="1" applyBorder="1" applyAlignment="1" applyProtection="1">
      <alignment horizontal="right"/>
      <protection locked="0"/>
    </xf>
    <xf numFmtId="0" fontId="55" fillId="0" borderId="83" xfId="0" applyNumberFormat="1" applyFont="1" applyBorder="1" applyAlignment="1" applyProtection="1">
      <alignment vertical="center"/>
      <protection locked="0"/>
    </xf>
    <xf numFmtId="0" fontId="55" fillId="0" borderId="83" xfId="0" applyNumberFormat="1" applyFont="1" applyBorder="1" applyAlignment="1" applyProtection="1">
      <alignment horizontal="left"/>
      <protection locked="0"/>
    </xf>
    <xf numFmtId="0" fontId="55" fillId="0" borderId="89" xfId="0" applyNumberFormat="1" applyFont="1" applyBorder="1" applyAlignment="1" applyProtection="1">
      <protection locked="0"/>
    </xf>
    <xf numFmtId="0" fontId="55" fillId="0" borderId="83" xfId="0" applyNumberFormat="1" applyFont="1" applyBorder="1" applyAlignment="1" applyProtection="1">
      <alignment horizontal="right"/>
      <protection locked="0"/>
    </xf>
    <xf numFmtId="0" fontId="56" fillId="0" borderId="77" xfId="0" applyNumberFormat="1" applyFont="1" applyBorder="1" applyAlignment="1" applyProtection="1">
      <alignment vertical="center"/>
      <protection locked="0"/>
    </xf>
    <xf numFmtId="0" fontId="56" fillId="0" borderId="12" xfId="0" applyNumberFormat="1" applyFont="1" applyBorder="1" applyAlignment="1" applyProtection="1">
      <alignment vertical="center"/>
      <protection locked="0"/>
    </xf>
    <xf numFmtId="0" fontId="56" fillId="0" borderId="12" xfId="0" applyNumberFormat="1" applyFont="1" applyBorder="1" applyAlignment="1" applyProtection="1">
      <alignment horizontal="center" vertical="center"/>
      <protection locked="0"/>
    </xf>
    <xf numFmtId="0" fontId="56" fillId="0" borderId="12" xfId="0" applyNumberFormat="1" applyFont="1" applyBorder="1" applyAlignment="1" applyProtection="1">
      <alignment horizontal="right" vertical="center"/>
      <protection locked="0"/>
    </xf>
    <xf numFmtId="0" fontId="56" fillId="0" borderId="80" xfId="0" applyNumberFormat="1" applyFont="1" applyBorder="1" applyAlignment="1" applyProtection="1">
      <alignment vertical="center"/>
      <protection locked="0"/>
    </xf>
    <xf numFmtId="0" fontId="55" fillId="0" borderId="80" xfId="0" applyNumberFormat="1" applyFont="1" applyBorder="1" applyAlignment="1">
      <alignment horizontal="left"/>
    </xf>
    <xf numFmtId="0" fontId="56" fillId="0" borderId="80" xfId="0" applyNumberFormat="1" applyFont="1" applyBorder="1" applyAlignment="1" applyProtection="1">
      <alignment horizontal="center" vertical="center"/>
      <protection locked="0"/>
    </xf>
    <xf numFmtId="0" fontId="56" fillId="0" borderId="80" xfId="0" applyNumberFormat="1" applyFont="1" applyBorder="1" applyAlignment="1" applyProtection="1">
      <alignment horizontal="right" vertical="center"/>
      <protection locked="0"/>
    </xf>
    <xf numFmtId="0" fontId="56" fillId="0" borderId="82" xfId="0" applyNumberFormat="1" applyFont="1" applyBorder="1" applyAlignment="1" applyProtection="1">
      <protection locked="0"/>
    </xf>
    <xf numFmtId="0" fontId="56" fillId="0" borderId="83" xfId="0" applyNumberFormat="1" applyFont="1" applyBorder="1" applyAlignment="1" applyProtection="1">
      <protection locked="0"/>
    </xf>
    <xf numFmtId="0" fontId="55" fillId="0" borderId="83" xfId="0" applyNumberFormat="1" applyFont="1" applyBorder="1" applyAlignment="1">
      <alignment horizontal="left"/>
    </xf>
    <xf numFmtId="0" fontId="56" fillId="0" borderId="83" xfId="0" applyNumberFormat="1" applyFont="1" applyBorder="1" applyAlignment="1" applyProtection="1">
      <alignment horizontal="center"/>
      <protection locked="0"/>
    </xf>
    <xf numFmtId="0" fontId="56" fillId="0" borderId="12" xfId="0" applyNumberFormat="1" applyFont="1" applyFill="1" applyBorder="1" applyAlignment="1" applyProtection="1">
      <alignment vertical="center"/>
      <protection locked="0"/>
    </xf>
    <xf numFmtId="0" fontId="55" fillId="0" borderId="12" xfId="0" applyNumberFormat="1" applyFont="1" applyFill="1" applyBorder="1" applyAlignment="1" applyProtection="1">
      <alignment vertical="center"/>
      <protection locked="0"/>
    </xf>
    <xf numFmtId="0" fontId="55" fillId="0" borderId="12" xfId="0" applyNumberFormat="1" applyFont="1" applyFill="1" applyBorder="1" applyAlignment="1" applyProtection="1">
      <alignment horizontal="right" vertical="center"/>
      <protection locked="0"/>
    </xf>
    <xf numFmtId="0" fontId="56" fillId="0" borderId="80" xfId="0" applyNumberFormat="1" applyFont="1" applyFill="1" applyBorder="1" applyAlignment="1" applyProtection="1">
      <alignment horizontal="center" vertical="center"/>
      <protection locked="0"/>
    </xf>
    <xf numFmtId="0" fontId="55" fillId="0" borderId="80" xfId="0" applyNumberFormat="1" applyFont="1" applyFill="1" applyBorder="1" applyAlignment="1" applyProtection="1">
      <alignment vertical="center"/>
      <protection locked="0"/>
    </xf>
    <xf numFmtId="0" fontId="55" fillId="0" borderId="80" xfId="0" applyNumberFormat="1" applyFont="1" applyFill="1" applyBorder="1" applyAlignment="1" applyProtection="1">
      <alignment horizontal="right" vertical="center"/>
      <protection locked="0"/>
    </xf>
    <xf numFmtId="0" fontId="56" fillId="0" borderId="83" xfId="0" applyNumberFormat="1" applyFont="1" applyFill="1" applyBorder="1" applyAlignment="1" applyProtection="1">
      <protection locked="0"/>
    </xf>
    <xf numFmtId="0" fontId="55" fillId="0" borderId="12" xfId="0" applyNumberFormat="1" applyFont="1" applyFill="1" applyBorder="1" applyAlignment="1" applyProtection="1">
      <alignment vertical="center" shrinkToFit="1"/>
      <protection locked="0"/>
    </xf>
    <xf numFmtId="0" fontId="55" fillId="0" borderId="12" xfId="0" applyNumberFormat="1" applyFont="1" applyFill="1" applyBorder="1" applyAlignment="1" applyProtection="1">
      <alignment horizontal="right" vertical="center" shrinkToFit="1"/>
      <protection locked="0"/>
    </xf>
    <xf numFmtId="0" fontId="55" fillId="0" borderId="80" xfId="0" applyNumberFormat="1" applyFont="1" applyFill="1" applyBorder="1" applyAlignment="1" applyProtection="1">
      <alignment vertical="center" shrinkToFit="1"/>
      <protection locked="0"/>
    </xf>
    <xf numFmtId="0" fontId="55" fillId="0" borderId="80" xfId="0" applyNumberFormat="1" applyFont="1" applyFill="1" applyBorder="1" applyAlignment="1" applyProtection="1">
      <alignment horizontal="right" vertical="center" shrinkToFit="1"/>
      <protection locked="0"/>
    </xf>
    <xf numFmtId="0" fontId="55" fillId="0" borderId="83" xfId="0" applyNumberFormat="1" applyFont="1" applyFill="1" applyBorder="1" applyAlignment="1" applyProtection="1">
      <alignment shrinkToFit="1"/>
      <protection locked="0"/>
    </xf>
    <xf numFmtId="0" fontId="55" fillId="0" borderId="83" xfId="0" applyNumberFormat="1" applyFont="1" applyFill="1" applyBorder="1" applyAlignment="1" applyProtection="1">
      <protection locked="0"/>
    </xf>
    <xf numFmtId="0" fontId="55" fillId="0" borderId="78" xfId="0" applyNumberFormat="1" applyFont="1" applyBorder="1" applyAlignment="1" applyProtection="1">
      <alignment horizontal="center" vertical="center"/>
      <protection locked="0"/>
    </xf>
    <xf numFmtId="0" fontId="55" fillId="0" borderId="81" xfId="0" applyNumberFormat="1" applyFont="1" applyBorder="1" applyAlignment="1" applyProtection="1">
      <alignment horizontal="center" vertical="center"/>
      <protection locked="0"/>
    </xf>
    <xf numFmtId="0" fontId="55" fillId="0" borderId="83" xfId="0" applyNumberFormat="1" applyFont="1" applyFill="1" applyBorder="1" applyAlignment="1" applyProtection="1">
      <alignment horizontal="right"/>
      <protection locked="0"/>
    </xf>
    <xf numFmtId="0" fontId="55" fillId="0" borderId="84" xfId="0" applyNumberFormat="1" applyFont="1" applyBorder="1" applyAlignment="1" applyProtection="1">
      <alignment horizontal="center"/>
      <protection locked="0"/>
    </xf>
    <xf numFmtId="0" fontId="55" fillId="0" borderId="79" xfId="0" applyNumberFormat="1" applyFont="1" applyBorder="1" applyAlignment="1" applyProtection="1">
      <protection locked="0"/>
    </xf>
    <xf numFmtId="0" fontId="55" fillId="0" borderId="80" xfId="0" applyNumberFormat="1" applyFont="1" applyBorder="1" applyAlignment="1" applyProtection="1">
      <protection locked="0"/>
    </xf>
    <xf numFmtId="0" fontId="55" fillId="0" borderId="80" xfId="0" applyNumberFormat="1" applyFont="1" applyBorder="1" applyAlignment="1" applyProtection="1">
      <alignment horizontal="center"/>
      <protection locked="0"/>
    </xf>
    <xf numFmtId="0" fontId="55" fillId="0" borderId="80" xfId="0" applyNumberFormat="1" applyFont="1" applyBorder="1" applyAlignment="1" applyProtection="1">
      <alignment horizontal="right"/>
      <protection locked="0"/>
    </xf>
    <xf numFmtId="0" fontId="55" fillId="0" borderId="81" xfId="0" applyNumberFormat="1" applyFont="1" applyBorder="1" applyAlignment="1" applyProtection="1">
      <alignment horizontal="center"/>
      <protection locked="0"/>
    </xf>
    <xf numFmtId="0" fontId="55" fillId="0" borderId="87" xfId="0" applyNumberFormat="1" applyFont="1" applyBorder="1" applyAlignment="1" applyProtection="1">
      <alignment vertical="center" shrinkToFit="1"/>
      <protection locked="0"/>
    </xf>
    <xf numFmtId="0" fontId="55" fillId="0" borderId="88" xfId="0" applyNumberFormat="1" applyFont="1" applyBorder="1" applyAlignment="1" applyProtection="1">
      <alignment horizontal="center" shrinkToFit="1"/>
      <protection locked="0"/>
    </xf>
    <xf numFmtId="0" fontId="79" fillId="0" borderId="0" xfId="0" applyNumberFormat="1" applyFont="1">
      <alignment vertical="center"/>
    </xf>
    <xf numFmtId="38" fontId="55" fillId="0" borderId="12" xfId="126" applyNumberFormat="1" applyFont="1" applyBorder="1" applyAlignment="1" applyProtection="1">
      <alignment horizontal="right" vertical="center" shrinkToFit="1"/>
      <protection locked="0"/>
    </xf>
    <xf numFmtId="38" fontId="55" fillId="0" borderId="80" xfId="126" applyNumberFormat="1" applyFont="1" applyBorder="1" applyAlignment="1" applyProtection="1">
      <alignment horizontal="right" vertical="center" shrinkToFit="1"/>
      <protection locked="0"/>
    </xf>
    <xf numFmtId="38" fontId="55" fillId="0" borderId="83" xfId="126" applyNumberFormat="1" applyFont="1" applyBorder="1" applyAlignment="1" applyProtection="1">
      <alignment horizontal="right" shrinkToFit="1"/>
      <protection locked="0"/>
    </xf>
    <xf numFmtId="38" fontId="55" fillId="0" borderId="83" xfId="126" applyNumberFormat="1" applyFont="1" applyBorder="1" applyAlignment="1" applyProtection="1">
      <alignment shrinkToFit="1"/>
      <protection locked="0"/>
    </xf>
    <xf numFmtId="38" fontId="55" fillId="0" borderId="90" xfId="0" applyNumberFormat="1" applyFont="1" applyBorder="1" applyAlignment="1" applyProtection="1">
      <alignment horizontal="center" vertical="center" shrinkToFit="1"/>
      <protection locked="0"/>
    </xf>
    <xf numFmtId="38" fontId="55" fillId="0" borderId="91" xfId="0" applyNumberFormat="1" applyFont="1" applyBorder="1" applyAlignment="1" applyProtection="1">
      <alignment horizontal="center" vertical="center" shrinkToFit="1"/>
      <protection locked="0"/>
    </xf>
    <xf numFmtId="38" fontId="55" fillId="0" borderId="19" xfId="0" applyNumberFormat="1" applyFont="1" applyBorder="1" applyAlignment="1" applyProtection="1">
      <alignment shrinkToFit="1"/>
      <protection locked="0"/>
    </xf>
    <xf numFmtId="38" fontId="55" fillId="0" borderId="90" xfId="126" applyNumberFormat="1" applyFont="1" applyBorder="1" applyAlignment="1" applyProtection="1">
      <alignment horizontal="right" vertical="center" shrinkToFit="1"/>
      <protection locked="0"/>
    </xf>
    <xf numFmtId="38" fontId="55" fillId="0" borderId="91" xfId="126" applyNumberFormat="1" applyFont="1" applyBorder="1" applyAlignment="1" applyProtection="1">
      <alignment horizontal="right" vertical="center" shrinkToFit="1"/>
      <protection locked="0"/>
    </xf>
    <xf numFmtId="38" fontId="55" fillId="0" borderId="19" xfId="126" applyNumberFormat="1" applyFont="1" applyBorder="1" applyAlignment="1" applyProtection="1">
      <alignment shrinkToFit="1"/>
      <protection locked="0"/>
    </xf>
    <xf numFmtId="38" fontId="55" fillId="0" borderId="87" xfId="126" applyNumberFormat="1" applyFont="1" applyBorder="1" applyAlignment="1" applyProtection="1">
      <alignment horizontal="right" shrinkToFit="1"/>
      <protection locked="0"/>
    </xf>
    <xf numFmtId="38" fontId="55" fillId="0" borderId="87" xfId="126" applyNumberFormat="1" applyFont="1" applyBorder="1" applyAlignment="1" applyProtection="1">
      <alignment shrinkToFit="1"/>
      <protection locked="0"/>
    </xf>
    <xf numFmtId="38" fontId="55" fillId="0" borderId="12" xfId="126" applyNumberFormat="1" applyFont="1" applyBorder="1" applyAlignment="1" applyProtection="1">
      <alignment horizontal="right" vertical="center"/>
      <protection locked="0"/>
    </xf>
    <xf numFmtId="38" fontId="55" fillId="0" borderId="90" xfId="0" applyNumberFormat="1" applyFont="1" applyBorder="1" applyAlignment="1" applyProtection="1">
      <alignment horizontal="center" vertical="center"/>
      <protection locked="0"/>
    </xf>
    <xf numFmtId="38" fontId="55" fillId="0" borderId="80" xfId="126" applyNumberFormat="1" applyFont="1" applyBorder="1" applyAlignment="1" applyProtection="1">
      <alignment horizontal="right" vertical="center"/>
      <protection locked="0"/>
    </xf>
    <xf numFmtId="38" fontId="55" fillId="0" borderId="91" xfId="0" applyNumberFormat="1" applyFont="1" applyBorder="1" applyAlignment="1" applyProtection="1">
      <alignment horizontal="center" vertical="center"/>
      <protection locked="0"/>
    </xf>
    <xf numFmtId="38" fontId="55" fillId="0" borderId="83" xfId="126" applyNumberFormat="1" applyFont="1" applyBorder="1" applyProtection="1">
      <protection locked="0"/>
    </xf>
    <xf numFmtId="38" fontId="55" fillId="0" borderId="19" xfId="0" applyNumberFormat="1" applyFont="1" applyBorder="1" applyAlignment="1" applyProtection="1">
      <protection locked="0"/>
    </xf>
    <xf numFmtId="38" fontId="55" fillId="0" borderId="12" xfId="126" applyNumberFormat="1" applyFont="1" applyFill="1" applyBorder="1" applyAlignment="1" applyProtection="1">
      <alignment horizontal="right" vertical="center"/>
      <protection locked="0"/>
    </xf>
    <xf numFmtId="38" fontId="55" fillId="0" borderId="80" xfId="126" applyNumberFormat="1" applyFont="1" applyFill="1" applyBorder="1" applyAlignment="1" applyProtection="1">
      <alignment horizontal="right" vertical="center"/>
      <protection locked="0"/>
    </xf>
    <xf numFmtId="38" fontId="55" fillId="0" borderId="83" xfId="126" applyNumberFormat="1" applyFont="1" applyFill="1" applyBorder="1" applyAlignment="1" applyProtection="1">
      <alignment horizontal="right"/>
      <protection locked="0"/>
    </xf>
    <xf numFmtId="38" fontId="56" fillId="0" borderId="12" xfId="126" applyNumberFormat="1" applyFont="1" applyFill="1" applyBorder="1" applyAlignment="1" applyProtection="1">
      <alignment horizontal="right" vertical="center"/>
      <protection locked="0"/>
    </xf>
    <xf numFmtId="38" fontId="56" fillId="0" borderId="80" xfId="126" applyNumberFormat="1" applyFont="1" applyFill="1" applyBorder="1" applyAlignment="1" applyProtection="1">
      <alignment horizontal="right" vertical="center"/>
      <protection locked="0"/>
    </xf>
    <xf numFmtId="38" fontId="55" fillId="0" borderId="91" xfId="126" applyNumberFormat="1" applyFont="1" applyBorder="1" applyAlignment="1" applyProtection="1">
      <alignment horizontal="right" vertical="center"/>
      <protection locked="0"/>
    </xf>
    <xf numFmtId="38" fontId="55" fillId="0" borderId="83" xfId="126" applyNumberFormat="1" applyFont="1" applyBorder="1" applyAlignment="1" applyProtection="1">
      <alignment horizontal="right"/>
      <protection locked="0"/>
    </xf>
    <xf numFmtId="38" fontId="55" fillId="0" borderId="12" xfId="126" applyNumberFormat="1" applyFont="1" applyFill="1" applyBorder="1" applyAlignment="1" applyProtection="1">
      <alignment horizontal="right" vertical="center" shrinkToFit="1"/>
      <protection locked="0"/>
    </xf>
    <xf numFmtId="38" fontId="55" fillId="0" borderId="80" xfId="126" applyNumberFormat="1" applyFont="1" applyFill="1" applyBorder="1" applyAlignment="1" applyProtection="1">
      <alignment horizontal="right" vertical="center" shrinkToFit="1"/>
      <protection locked="0"/>
    </xf>
    <xf numFmtId="38" fontId="55" fillId="0" borderId="80" xfId="126" applyNumberFormat="1" applyFont="1" applyBorder="1" applyAlignment="1" applyProtection="1">
      <alignment horizontal="right"/>
      <protection locked="0"/>
    </xf>
    <xf numFmtId="38" fontId="55" fillId="0" borderId="80" xfId="126" applyNumberFormat="1" applyFont="1" applyBorder="1" applyProtection="1">
      <protection locked="0"/>
    </xf>
    <xf numFmtId="176" fontId="6" fillId="0" borderId="29" xfId="0" applyNumberFormat="1" applyFont="1" applyBorder="1" applyAlignment="1"/>
    <xf numFmtId="49" fontId="15" fillId="0" borderId="73" xfId="0" applyNumberFormat="1" applyFont="1" applyFill="1" applyBorder="1" applyAlignment="1"/>
    <xf numFmtId="49" fontId="15" fillId="0" borderId="53" xfId="0" applyNumberFormat="1" applyFont="1" applyFill="1" applyBorder="1" applyAlignment="1"/>
    <xf numFmtId="49" fontId="15" fillId="0" borderId="96" xfId="0" applyNumberFormat="1" applyFont="1" applyFill="1" applyBorder="1" applyAlignment="1"/>
    <xf numFmtId="0" fontId="15" fillId="0" borderId="7" xfId="0" applyFont="1" applyBorder="1" applyAlignment="1"/>
    <xf numFmtId="0" fontId="15" fillId="0" borderId="73" xfId="0" applyNumberFormat="1" applyFont="1" applyFill="1" applyBorder="1" applyAlignment="1"/>
    <xf numFmtId="49" fontId="55" fillId="0" borderId="83" xfId="0" applyNumberFormat="1" applyFont="1" applyBorder="1" applyAlignment="1" applyProtection="1">
      <alignment horizontal="center" shrinkToFit="1"/>
      <protection locked="0"/>
    </xf>
    <xf numFmtId="1" fontId="55" fillId="0" borderId="83" xfId="0" applyNumberFormat="1" applyFont="1" applyBorder="1" applyAlignment="1" applyProtection="1">
      <alignment horizontal="right" shrinkToFit="1"/>
      <protection locked="0"/>
    </xf>
    <xf numFmtId="0" fontId="56" fillId="0" borderId="0" xfId="0" applyNumberFormat="1" applyFont="1" applyAlignment="1">
      <alignment horizontal="center"/>
    </xf>
    <xf numFmtId="0" fontId="59" fillId="0" borderId="0" xfId="0" applyNumberFormat="1" applyFont="1" applyAlignment="1">
      <alignment horizontal="center" vertical="center"/>
    </xf>
    <xf numFmtId="0" fontId="4" fillId="0" borderId="0" xfId="0" applyNumberFormat="1" applyFont="1" applyAlignment="1">
      <alignment horizontal="center"/>
    </xf>
    <xf numFmtId="198" fontId="16" fillId="0" borderId="14" xfId="126" applyNumberFormat="1" applyFont="1" applyFill="1" applyBorder="1"/>
    <xf numFmtId="205" fontId="51" fillId="0" borderId="29" xfId="126" applyNumberFormat="1" applyFont="1" applyBorder="1" applyAlignment="1"/>
    <xf numFmtId="0" fontId="6" fillId="0" borderId="95" xfId="235" applyFont="1" applyFill="1" applyBorder="1" applyAlignment="1">
      <alignment shrinkToFit="1"/>
    </xf>
    <xf numFmtId="0" fontId="6" fillId="0" borderId="69" xfId="235" applyFont="1" applyFill="1" applyBorder="1" applyAlignment="1">
      <alignment shrinkToFit="1"/>
    </xf>
    <xf numFmtId="0" fontId="6" fillId="0" borderId="41" xfId="235" applyFont="1" applyFill="1" applyBorder="1"/>
    <xf numFmtId="0" fontId="6" fillId="0" borderId="98" xfId="235" applyFont="1" applyFill="1" applyBorder="1"/>
    <xf numFmtId="0" fontId="6" fillId="0" borderId="42" xfId="235" applyFont="1" applyFill="1" applyBorder="1"/>
    <xf numFmtId="0" fontId="6" fillId="0" borderId="36" xfId="235" applyFont="1" applyFill="1" applyBorder="1" applyAlignment="1">
      <alignment horizontal="center"/>
    </xf>
    <xf numFmtId="0" fontId="6" fillId="0" borderId="0" xfId="235" applyFont="1" applyFill="1" applyBorder="1" applyAlignment="1">
      <alignment horizontal="center"/>
    </xf>
    <xf numFmtId="0" fontId="6" fillId="0" borderId="38" xfId="235" applyFont="1" applyFill="1" applyBorder="1" applyAlignment="1">
      <alignment horizontal="center"/>
    </xf>
    <xf numFmtId="0" fontId="6" fillId="0" borderId="36" xfId="235" applyFont="1" applyFill="1" applyBorder="1"/>
    <xf numFmtId="0" fontId="6" fillId="0" borderId="0" xfId="235" applyFont="1" applyFill="1" applyBorder="1"/>
    <xf numFmtId="0" fontId="6" fillId="0" borderId="38" xfId="235" applyFont="1" applyFill="1" applyBorder="1"/>
    <xf numFmtId="0" fontId="87" fillId="0" borderId="0" xfId="235" applyFont="1" applyFill="1" applyBorder="1"/>
    <xf numFmtId="0" fontId="6" fillId="0" borderId="0" xfId="235" applyFont="1" applyFill="1"/>
    <xf numFmtId="0" fontId="87" fillId="0" borderId="0" xfId="235" applyFont="1" applyFill="1"/>
    <xf numFmtId="0" fontId="6" fillId="0" borderId="24" xfId="235" applyFont="1" applyFill="1" applyBorder="1" applyAlignment="1">
      <alignment horizontal="center"/>
    </xf>
    <xf numFmtId="0" fontId="6" fillId="0" borderId="29" xfId="235" applyFont="1" applyFill="1" applyBorder="1" applyAlignment="1">
      <alignment horizontal="center"/>
    </xf>
    <xf numFmtId="0" fontId="6" fillId="0" borderId="30" xfId="235" applyFont="1" applyFill="1" applyBorder="1" applyAlignment="1">
      <alignment horizontal="center"/>
    </xf>
    <xf numFmtId="0" fontId="6" fillId="0" borderId="24" xfId="235" applyFont="1" applyFill="1" applyBorder="1"/>
    <xf numFmtId="0" fontId="6" fillId="0" borderId="29" xfId="235" applyFont="1" applyFill="1" applyBorder="1"/>
    <xf numFmtId="0" fontId="6" fillId="0" borderId="30" xfId="235" applyFont="1" applyFill="1" applyBorder="1"/>
    <xf numFmtId="0" fontId="6" fillId="0" borderId="0" xfId="235" applyFont="1" applyFill="1" applyBorder="1" applyAlignment="1">
      <alignment horizontal="left" vertical="center"/>
    </xf>
    <xf numFmtId="0" fontId="6" fillId="0" borderId="0" xfId="235" applyFont="1" applyFill="1" applyBorder="1" applyAlignment="1">
      <alignment vertical="top" wrapText="1"/>
    </xf>
    <xf numFmtId="0" fontId="6" fillId="0" borderId="38" xfId="235" applyFont="1" applyFill="1" applyBorder="1" applyAlignment="1">
      <alignment vertical="top" wrapText="1"/>
    </xf>
    <xf numFmtId="0" fontId="6" fillId="0" borderId="0" xfId="235" applyFont="1" applyFill="1" applyBorder="1" applyAlignment="1"/>
    <xf numFmtId="0" fontId="6" fillId="0" borderId="41" xfId="235" applyFont="1" applyFill="1" applyBorder="1" applyAlignment="1">
      <alignment shrinkToFit="1"/>
    </xf>
    <xf numFmtId="0" fontId="6" fillId="0" borderId="98" xfId="235" applyFont="1" applyFill="1" applyBorder="1" applyAlignment="1"/>
    <xf numFmtId="0" fontId="6" fillId="0" borderId="98" xfId="235" applyFont="1" applyFill="1" applyBorder="1" applyAlignment="1">
      <alignment horizontal="right"/>
    </xf>
    <xf numFmtId="0" fontId="6" fillId="0" borderId="42" xfId="235" applyFont="1" applyFill="1" applyBorder="1" applyAlignment="1"/>
    <xf numFmtId="0" fontId="6" fillId="0" borderId="36" xfId="235" applyFont="1" applyFill="1" applyBorder="1" applyAlignment="1">
      <alignment shrinkToFit="1"/>
    </xf>
    <xf numFmtId="0" fontId="6" fillId="0" borderId="0" xfId="235" applyFont="1" applyFill="1" applyBorder="1" applyAlignment="1">
      <alignment horizontal="right"/>
    </xf>
    <xf numFmtId="0" fontId="6" fillId="0" borderId="38" xfId="235" applyFont="1" applyFill="1" applyBorder="1" applyAlignment="1"/>
    <xf numFmtId="0" fontId="6" fillId="0" borderId="0" xfId="235" applyFont="1" applyFill="1" applyBorder="1" applyAlignment="1">
      <alignment horizontal="left"/>
    </xf>
    <xf numFmtId="0" fontId="6" fillId="0" borderId="24" xfId="235" applyFont="1" applyFill="1" applyBorder="1" applyAlignment="1"/>
    <xf numFmtId="0" fontId="6" fillId="0" borderId="29" xfId="235" applyFont="1" applyFill="1" applyBorder="1" applyAlignment="1"/>
    <xf numFmtId="0" fontId="6" fillId="0" borderId="30" xfId="235" applyFont="1" applyFill="1" applyBorder="1" applyAlignment="1"/>
    <xf numFmtId="0" fontId="6" fillId="0" borderId="36" xfId="235" applyFont="1" applyFill="1" applyBorder="1" applyAlignment="1"/>
    <xf numFmtId="0" fontId="6" fillId="0" borderId="0" xfId="235" applyFont="1" applyFill="1" applyBorder="1" applyAlignment="1">
      <alignment shrinkToFit="1"/>
    </xf>
    <xf numFmtId="0" fontId="16" fillId="0" borderId="41" xfId="235" applyFont="1" applyFill="1" applyBorder="1" applyAlignment="1">
      <alignment horizontal="center" vertical="center"/>
    </xf>
    <xf numFmtId="0" fontId="16" fillId="0" borderId="98" xfId="235" applyFont="1" applyFill="1" applyBorder="1" applyAlignment="1">
      <alignment vertical="center"/>
    </xf>
    <xf numFmtId="0" fontId="16" fillId="0" borderId="48" xfId="235" applyFont="1" applyFill="1" applyBorder="1" applyAlignment="1">
      <alignment vertical="center"/>
    </xf>
    <xf numFmtId="0" fontId="4" fillId="0" borderId="36" xfId="235" applyFont="1" applyFill="1" applyBorder="1" applyAlignment="1">
      <alignment vertical="center"/>
    </xf>
    <xf numFmtId="0" fontId="16" fillId="0" borderId="0" xfId="235" applyFont="1" applyFill="1" applyBorder="1" applyAlignment="1">
      <alignment vertical="center" shrinkToFit="1"/>
    </xf>
    <xf numFmtId="0" fontId="16" fillId="0" borderId="38" xfId="235" applyFont="1" applyFill="1" applyBorder="1" applyAlignment="1">
      <alignment vertical="center" shrinkToFit="1"/>
    </xf>
    <xf numFmtId="0" fontId="16" fillId="0" borderId="36" xfId="235" applyFont="1" applyFill="1" applyBorder="1" applyAlignment="1">
      <alignment horizontal="center" vertical="center"/>
    </xf>
    <xf numFmtId="0" fontId="16" fillId="0" borderId="0" xfId="235" applyFont="1" applyFill="1" applyBorder="1" applyAlignment="1">
      <alignment vertical="top"/>
    </xf>
    <xf numFmtId="0" fontId="16" fillId="0" borderId="50" xfId="235" applyFont="1" applyFill="1" applyBorder="1" applyAlignment="1">
      <alignment vertical="center"/>
    </xf>
    <xf numFmtId="0" fontId="16" fillId="0" borderId="0" xfId="235" applyFont="1" applyFill="1" applyBorder="1" applyAlignment="1">
      <alignment vertical="center"/>
    </xf>
    <xf numFmtId="0" fontId="16" fillId="0" borderId="0" xfId="235" applyFont="1" applyFill="1" applyBorder="1" applyAlignment="1">
      <alignment horizontal="left" vertical="top"/>
    </xf>
    <xf numFmtId="0" fontId="16" fillId="0" borderId="0" xfId="235" applyFont="1" applyFill="1" applyBorder="1" applyAlignment="1"/>
    <xf numFmtId="0" fontId="4" fillId="0" borderId="0" xfId="235" applyFont="1" applyFill="1" applyBorder="1" applyAlignment="1"/>
    <xf numFmtId="0" fontId="16" fillId="0" borderId="0" xfId="235" applyFont="1" applyFill="1" applyBorder="1" applyAlignment="1">
      <alignment shrinkToFit="1"/>
    </xf>
    <xf numFmtId="0" fontId="4" fillId="0" borderId="0" xfId="235" applyFont="1" applyFill="1" applyBorder="1" applyAlignment="1">
      <alignment shrinkToFit="1"/>
    </xf>
    <xf numFmtId="0" fontId="16" fillId="0" borderId="98" xfId="235" applyFont="1" applyFill="1" applyBorder="1" applyAlignment="1">
      <alignment horizontal="left" vertical="top"/>
    </xf>
    <xf numFmtId="0" fontId="16" fillId="0" borderId="98" xfId="235" applyFont="1" applyFill="1" applyBorder="1" applyAlignment="1">
      <alignment shrinkToFit="1"/>
    </xf>
    <xf numFmtId="0" fontId="4" fillId="0" borderId="98" xfId="235" applyFont="1" applyFill="1" applyBorder="1" applyAlignment="1">
      <alignment shrinkToFit="1"/>
    </xf>
    <xf numFmtId="0" fontId="16" fillId="0" borderId="29" xfId="235" applyFont="1" applyFill="1" applyBorder="1" applyAlignment="1">
      <alignment horizontal="left" vertical="top"/>
    </xf>
    <xf numFmtId="0" fontId="16" fillId="0" borderId="29" xfId="235" applyFont="1" applyFill="1" applyBorder="1" applyAlignment="1">
      <alignment shrinkToFit="1"/>
    </xf>
    <xf numFmtId="0" fontId="4" fillId="0" borderId="29" xfId="235" applyFont="1" applyFill="1" applyBorder="1" applyAlignment="1">
      <alignment shrinkToFit="1"/>
    </xf>
    <xf numFmtId="0" fontId="4" fillId="0" borderId="0" xfId="235" applyFont="1" applyFill="1" applyBorder="1" applyAlignment="1">
      <alignment vertical="top"/>
    </xf>
    <xf numFmtId="0" fontId="4" fillId="0" borderId="38" xfId="235" applyFont="1" applyFill="1" applyBorder="1" applyAlignment="1">
      <alignment vertical="top"/>
    </xf>
    <xf numFmtId="0" fontId="16" fillId="0" borderId="29" xfId="235" applyFont="1" applyFill="1" applyBorder="1" applyAlignment="1"/>
    <xf numFmtId="0" fontId="4" fillId="0" borderId="29" xfId="235" applyFont="1" applyFill="1" applyBorder="1" applyAlignment="1"/>
    <xf numFmtId="0" fontId="4" fillId="0" borderId="0" xfId="235" applyFont="1" applyFill="1" applyBorder="1" applyAlignment="1">
      <alignment horizontal="center"/>
    </xf>
    <xf numFmtId="0" fontId="4" fillId="0" borderId="38" xfId="235" applyFont="1" applyFill="1" applyBorder="1" applyAlignment="1">
      <alignment horizontal="center"/>
    </xf>
    <xf numFmtId="0" fontId="6" fillId="0" borderId="0" xfId="235" applyFont="1" applyFill="1" applyAlignment="1">
      <alignment vertical="top" wrapText="1"/>
    </xf>
    <xf numFmtId="0" fontId="6" fillId="0" borderId="0" xfId="235" applyNumberFormat="1" applyFont="1" applyFill="1" applyBorder="1" applyAlignment="1"/>
    <xf numFmtId="0" fontId="6" fillId="0" borderId="58" xfId="0" applyFont="1" applyBorder="1" applyAlignment="1"/>
    <xf numFmtId="0" fontId="6" fillId="0" borderId="54" xfId="0" applyFont="1" applyBorder="1" applyAlignment="1"/>
    <xf numFmtId="0" fontId="6" fillId="0" borderId="59" xfId="0" applyFont="1" applyBorder="1" applyAlignment="1"/>
    <xf numFmtId="0" fontId="79" fillId="0" borderId="0" xfId="0" applyFont="1">
      <alignment vertical="center"/>
    </xf>
    <xf numFmtId="38" fontId="51" fillId="0" borderId="24" xfId="126" applyFont="1" applyBorder="1"/>
    <xf numFmtId="38" fontId="51" fillId="0" borderId="36" xfId="126" applyFont="1" applyBorder="1"/>
    <xf numFmtId="38" fontId="52" fillId="0" borderId="36" xfId="126" applyFont="1" applyBorder="1" applyAlignment="1">
      <alignment horizontal="left"/>
    </xf>
    <xf numFmtId="38" fontId="52" fillId="0" borderId="0" xfId="164" applyNumberFormat="1" applyFont="1" applyBorder="1" applyAlignment="1">
      <alignment horizontal="center"/>
    </xf>
    <xf numFmtId="10" fontId="52" fillId="0" borderId="0" xfId="110" quotePrefix="1" applyNumberFormat="1" applyFont="1" applyBorder="1" applyAlignment="1">
      <alignment horizontal="left"/>
    </xf>
    <xf numFmtId="202" fontId="52" fillId="0" borderId="36" xfId="126" applyNumberFormat="1" applyFont="1" applyBorder="1" applyAlignment="1">
      <alignment horizontal="right"/>
    </xf>
    <xf numFmtId="38" fontId="52" fillId="0" borderId="0" xfId="126" applyFont="1" applyBorder="1" applyAlignment="1">
      <alignment horizontal="center"/>
    </xf>
    <xf numFmtId="38" fontId="52" fillId="0" borderId="0" xfId="126" applyFont="1" applyBorder="1" applyAlignment="1">
      <alignment horizontal="left"/>
    </xf>
    <xf numFmtId="38" fontId="52" fillId="0" borderId="36" xfId="126" applyFont="1" applyBorder="1" applyAlignment="1">
      <alignment horizontal="right"/>
    </xf>
    <xf numFmtId="0" fontId="52" fillId="0" borderId="0" xfId="164" applyFont="1" applyBorder="1" applyAlignment="1">
      <alignment horizontal="center"/>
    </xf>
    <xf numFmtId="0" fontId="52" fillId="0" borderId="0" xfId="164" applyFont="1" applyBorder="1" applyAlignment="1">
      <alignment horizontal="left"/>
    </xf>
    <xf numFmtId="0" fontId="79" fillId="0" borderId="0" xfId="0" applyFont="1" applyAlignment="1">
      <alignment horizontal="center" vertical="center"/>
    </xf>
    <xf numFmtId="0" fontId="52" fillId="0" borderId="50" xfId="164" quotePrefix="1" applyFont="1" applyBorder="1"/>
    <xf numFmtId="2" fontId="79" fillId="0" borderId="0" xfId="0" applyNumberFormat="1" applyFont="1" applyAlignment="1">
      <alignment horizontal="center" vertical="center"/>
    </xf>
    <xf numFmtId="178" fontId="79" fillId="0" borderId="0" xfId="0" applyNumberFormat="1" applyFont="1" applyAlignment="1">
      <alignment horizontal="center" vertical="center"/>
    </xf>
    <xf numFmtId="210" fontId="79" fillId="0" borderId="0" xfId="0" applyNumberFormat="1" applyFont="1" applyAlignment="1">
      <alignment horizontal="center" vertical="center"/>
    </xf>
    <xf numFmtId="0" fontId="52" fillId="0" borderId="50" xfId="164" applyFont="1" applyBorder="1" applyAlignment="1">
      <alignment horizontal="center"/>
    </xf>
    <xf numFmtId="38" fontId="51" fillId="0" borderId="36" xfId="126" applyFont="1" applyBorder="1" applyAlignment="1">
      <alignment horizontal="left"/>
    </xf>
    <xf numFmtId="38" fontId="52" fillId="0" borderId="0" xfId="126" applyFont="1" applyBorder="1" applyAlignment="1">
      <alignment horizontal="right"/>
    </xf>
    <xf numFmtId="0" fontId="6" fillId="0" borderId="0" xfId="235" applyFont="1" applyFill="1" applyBorder="1" applyAlignment="1">
      <alignment vertical="top" wrapText="1"/>
    </xf>
    <xf numFmtId="0" fontId="6" fillId="0" borderId="38" xfId="235" applyFont="1" applyFill="1" applyBorder="1" applyAlignment="1">
      <alignment vertical="top" wrapText="1"/>
    </xf>
    <xf numFmtId="0" fontId="6" fillId="0" borderId="0" xfId="235" applyFont="1" applyFill="1" applyBorder="1" applyAlignment="1">
      <alignment shrinkToFit="1"/>
    </xf>
    <xf numFmtId="0" fontId="6" fillId="0" borderId="95" xfId="235" applyFont="1" applyFill="1" applyBorder="1" applyAlignment="1">
      <alignment horizontal="center"/>
    </xf>
    <xf numFmtId="0" fontId="6" fillId="0" borderId="5" xfId="235" applyFont="1" applyFill="1" applyBorder="1" applyAlignment="1">
      <alignment horizontal="center"/>
    </xf>
    <xf numFmtId="0" fontId="6" fillId="0" borderId="69" xfId="235" applyFont="1" applyFill="1" applyBorder="1" applyAlignment="1">
      <alignment horizontal="center"/>
    </xf>
    <xf numFmtId="0" fontId="6" fillId="0" borderId="5" xfId="235" applyFont="1" applyFill="1" applyBorder="1" applyAlignment="1">
      <alignment horizontal="center" shrinkToFit="1"/>
    </xf>
    <xf numFmtId="0" fontId="6" fillId="0" borderId="41" xfId="235" applyFont="1" applyFill="1" applyBorder="1" applyAlignment="1">
      <alignment horizontal="center"/>
    </xf>
    <xf numFmtId="0" fontId="6" fillId="0" borderId="98" xfId="235" applyFont="1" applyFill="1" applyBorder="1" applyAlignment="1">
      <alignment horizontal="center"/>
    </xf>
    <xf numFmtId="0" fontId="6" fillId="0" borderId="42" xfId="235" applyFont="1" applyFill="1" applyBorder="1" applyAlignment="1">
      <alignment horizontal="center"/>
    </xf>
    <xf numFmtId="0" fontId="4" fillId="0" borderId="0" xfId="235" applyFont="1" applyFill="1" applyAlignment="1">
      <alignment shrinkToFit="1"/>
    </xf>
    <xf numFmtId="0" fontId="6" fillId="0" borderId="0" xfId="235" applyFont="1" applyFill="1" applyBorder="1" applyAlignment="1">
      <alignment horizontal="center" shrinkToFit="1"/>
    </xf>
    <xf numFmtId="0" fontId="6" fillId="0" borderId="0" xfId="235" applyFont="1" applyFill="1" applyBorder="1" applyAlignment="1">
      <alignment horizontal="left" shrinkToFit="1"/>
    </xf>
    <xf numFmtId="0" fontId="6" fillId="0" borderId="98" xfId="235" applyFont="1" applyFill="1" applyBorder="1" applyAlignment="1"/>
    <xf numFmtId="0" fontId="15" fillId="0" borderId="0" xfId="235" applyFont="1" applyFill="1" applyBorder="1" applyAlignment="1">
      <alignment shrinkToFit="1"/>
    </xf>
    <xf numFmtId="0" fontId="7" fillId="0" borderId="0" xfId="235" applyFont="1" applyFill="1" applyAlignment="1">
      <alignment shrinkToFit="1"/>
    </xf>
    <xf numFmtId="0" fontId="15" fillId="0" borderId="0" xfId="235" applyFont="1" applyFill="1" applyBorder="1" applyAlignment="1">
      <alignment horizontal="left"/>
    </xf>
    <xf numFmtId="0" fontId="6" fillId="0" borderId="41" xfId="235" applyFont="1" applyFill="1" applyBorder="1" applyAlignment="1">
      <alignment horizontal="center" wrapText="1"/>
    </xf>
    <xf numFmtId="0" fontId="6" fillId="0" borderId="36" xfId="235" applyFont="1" applyFill="1" applyBorder="1" applyAlignment="1">
      <alignment horizontal="center"/>
    </xf>
    <xf numFmtId="0" fontId="6" fillId="0" borderId="0" xfId="235" applyFont="1" applyFill="1" applyBorder="1" applyAlignment="1">
      <alignment horizontal="center"/>
    </xf>
    <xf numFmtId="0" fontId="6" fillId="0" borderId="38" xfId="235" applyFont="1" applyFill="1" applyBorder="1" applyAlignment="1">
      <alignment horizontal="center"/>
    </xf>
    <xf numFmtId="0" fontId="6" fillId="0" borderId="98" xfId="235" applyFont="1" applyFill="1" applyBorder="1" applyAlignment="1">
      <alignment shrinkToFit="1"/>
    </xf>
    <xf numFmtId="0" fontId="16" fillId="0" borderId="0" xfId="235" applyFont="1" applyFill="1" applyBorder="1" applyAlignment="1">
      <alignment vertical="center" wrapText="1"/>
    </xf>
    <xf numFmtId="0" fontId="16" fillId="0" borderId="38" xfId="235" applyFont="1" applyFill="1" applyBorder="1" applyAlignment="1">
      <alignment vertical="center" wrapText="1"/>
    </xf>
    <xf numFmtId="0" fontId="4" fillId="0" borderId="0" xfId="235" applyFont="1" applyFill="1" applyBorder="1" applyAlignment="1">
      <alignment vertical="center" wrapText="1"/>
    </xf>
    <xf numFmtId="0" fontId="4" fillId="0" borderId="38" xfId="235" applyFont="1" applyFill="1" applyBorder="1" applyAlignment="1">
      <alignment vertical="center" wrapText="1"/>
    </xf>
    <xf numFmtId="0" fontId="6" fillId="0" borderId="98" xfId="235" applyFont="1" applyFill="1" applyBorder="1" applyAlignment="1">
      <alignment horizontal="center" wrapText="1"/>
    </xf>
    <xf numFmtId="0" fontId="6" fillId="0" borderId="42" xfId="235" applyFont="1" applyFill="1" applyBorder="1" applyAlignment="1">
      <alignment horizontal="center" wrapText="1"/>
    </xf>
    <xf numFmtId="0" fontId="4" fillId="0" borderId="36" xfId="235" applyFont="1" applyFill="1" applyBorder="1" applyAlignment="1">
      <alignment horizontal="center" wrapText="1"/>
    </xf>
    <xf numFmtId="0" fontId="4" fillId="0" borderId="0" xfId="235" applyFont="1" applyFill="1" applyBorder="1" applyAlignment="1">
      <alignment horizontal="center" wrapText="1"/>
    </xf>
    <xf numFmtId="0" fontId="4" fillId="0" borderId="38" xfId="235" applyFont="1" applyFill="1" applyBorder="1" applyAlignment="1">
      <alignment horizontal="center" wrapText="1"/>
    </xf>
    <xf numFmtId="0" fontId="4" fillId="0" borderId="98" xfId="235" applyFont="1" applyFill="1" applyBorder="1" applyAlignment="1">
      <alignment horizontal="center"/>
    </xf>
    <xf numFmtId="0" fontId="4" fillId="0" borderId="42" xfId="235" applyFont="1" applyFill="1" applyBorder="1" applyAlignment="1">
      <alignment horizontal="center"/>
    </xf>
    <xf numFmtId="0" fontId="16" fillId="0" borderId="0" xfId="235" applyFont="1" applyFill="1" applyBorder="1" applyAlignment="1">
      <alignment shrinkToFit="1"/>
    </xf>
    <xf numFmtId="0" fontId="4" fillId="0" borderId="0" xfId="235" applyFont="1" applyFill="1" applyBorder="1" applyAlignment="1">
      <alignment shrinkToFit="1"/>
    </xf>
    <xf numFmtId="0" fontId="16" fillId="0" borderId="0" xfId="235" applyFont="1" applyFill="1" applyBorder="1" applyAlignment="1">
      <alignment vertical="top" wrapText="1"/>
    </xf>
    <xf numFmtId="0" fontId="4" fillId="0" borderId="0" xfId="235" applyFont="1" applyFill="1" applyBorder="1" applyAlignment="1">
      <alignment vertical="top" wrapText="1"/>
    </xf>
    <xf numFmtId="0" fontId="4" fillId="0" borderId="38" xfId="235" applyFont="1" applyFill="1" applyBorder="1" applyAlignment="1">
      <alignment vertical="top" wrapText="1"/>
    </xf>
    <xf numFmtId="0" fontId="6" fillId="0" borderId="42" xfId="235" applyFont="1" applyFill="1" applyBorder="1" applyAlignment="1">
      <alignment shrinkToFit="1"/>
    </xf>
    <xf numFmtId="0" fontId="6" fillId="0" borderId="32" xfId="235" applyFont="1" applyFill="1" applyBorder="1" applyAlignment="1">
      <alignment shrinkToFit="1"/>
    </xf>
    <xf numFmtId="0" fontId="6" fillId="0" borderId="41" xfId="235" applyFont="1" applyFill="1" applyBorder="1" applyAlignment="1">
      <alignment shrinkToFit="1"/>
    </xf>
    <xf numFmtId="0" fontId="89" fillId="0" borderId="0" xfId="235" applyFont="1" applyFill="1" applyBorder="1" applyAlignment="1"/>
    <xf numFmtId="0" fontId="87" fillId="0" borderId="98" xfId="235" applyFont="1" applyFill="1" applyBorder="1" applyAlignment="1">
      <alignment horizontal="left" vertical="center" wrapText="1"/>
    </xf>
    <xf numFmtId="0" fontId="87" fillId="0" borderId="98" xfId="235" applyFont="1" applyFill="1" applyBorder="1" applyAlignment="1">
      <alignment horizontal="left" vertical="center"/>
    </xf>
    <xf numFmtId="0" fontId="87" fillId="0" borderId="42" xfId="235" applyFont="1" applyFill="1" applyBorder="1" applyAlignment="1">
      <alignment horizontal="left" vertical="center"/>
    </xf>
    <xf numFmtId="0" fontId="89" fillId="0" borderId="0" xfId="235" applyFont="1" applyFill="1" applyAlignment="1">
      <alignment vertical="top" wrapText="1"/>
    </xf>
    <xf numFmtId="0" fontId="6" fillId="0" borderId="0" xfId="235" applyFont="1" applyFill="1" applyBorder="1" applyAlignment="1"/>
    <xf numFmtId="0" fontId="9" fillId="0" borderId="27" xfId="0" applyFont="1" applyBorder="1" applyAlignment="1">
      <alignment horizontal="center" vertical="center"/>
    </xf>
    <xf numFmtId="0" fontId="9" fillId="0" borderId="3" xfId="0" applyFont="1" applyBorder="1" applyAlignment="1">
      <alignment horizontal="center" vertical="center"/>
    </xf>
    <xf numFmtId="0" fontId="9" fillId="0" borderId="94" xfId="0" applyFont="1" applyBorder="1" applyAlignment="1">
      <alignment horizontal="center" vertical="center"/>
    </xf>
    <xf numFmtId="0" fontId="9" fillId="0" borderId="24" xfId="0" applyFont="1" applyBorder="1" applyAlignment="1">
      <alignment horizontal="center" vertical="center"/>
    </xf>
    <xf numFmtId="0" fontId="9" fillId="0" borderId="29" xfId="0" applyFont="1" applyBorder="1" applyAlignment="1">
      <alignment horizontal="center" vertical="center"/>
    </xf>
    <xf numFmtId="0" fontId="9" fillId="0" borderId="52" xfId="0" applyFont="1" applyBorder="1" applyAlignment="1">
      <alignment horizontal="center" vertical="center"/>
    </xf>
    <xf numFmtId="0" fontId="9" fillId="0" borderId="93" xfId="0" applyFont="1" applyFill="1" applyBorder="1" applyAlignment="1">
      <alignment horizontal="center" vertical="center"/>
    </xf>
    <xf numFmtId="0" fontId="9" fillId="0" borderId="35" xfId="0" applyFont="1" applyFill="1" applyBorder="1" applyAlignment="1">
      <alignment horizontal="center" vertical="center"/>
    </xf>
    <xf numFmtId="176" fontId="10" fillId="0" borderId="0" xfId="0" applyNumberFormat="1" applyFont="1" applyBorder="1" applyAlignment="1">
      <alignment horizontal="right" vertical="center"/>
    </xf>
    <xf numFmtId="176" fontId="10" fillId="0" borderId="54" xfId="0" applyNumberFormat="1" applyFont="1" applyBorder="1" applyAlignment="1">
      <alignment horizontal="right" vertical="center"/>
    </xf>
    <xf numFmtId="0" fontId="14" fillId="0" borderId="0" xfId="0" applyFont="1" applyBorder="1" applyAlignment="1">
      <alignment horizontal="center"/>
    </xf>
    <xf numFmtId="0" fontId="14" fillId="0" borderId="54" xfId="0" applyFont="1" applyBorder="1" applyAlignment="1">
      <alignment horizontal="center"/>
    </xf>
    <xf numFmtId="0" fontId="6" fillId="0" borderId="0" xfId="0" applyFont="1" applyAlignment="1">
      <alignment horizontal="center" vertical="center"/>
    </xf>
    <xf numFmtId="5" fontId="6" fillId="0" borderId="45" xfId="0" applyNumberFormat="1" applyFont="1" applyBorder="1" applyAlignment="1">
      <alignment horizontal="right"/>
    </xf>
    <xf numFmtId="0" fontId="6" fillId="0" borderId="31" xfId="0" applyFont="1" applyBorder="1" applyAlignment="1">
      <alignment horizontal="center" vertical="center"/>
    </xf>
    <xf numFmtId="0" fontId="6" fillId="0" borderId="35" xfId="0" applyFont="1" applyBorder="1" applyAlignment="1">
      <alignment horizontal="center" vertical="center"/>
    </xf>
    <xf numFmtId="0" fontId="9" fillId="0" borderId="37" xfId="0" applyFont="1" applyBorder="1" applyAlignment="1">
      <alignment horizontal="center" vertical="center"/>
    </xf>
    <xf numFmtId="0" fontId="10" fillId="0" borderId="27" xfId="0" applyFont="1" applyBorder="1" applyAlignment="1">
      <alignment horizontal="center" vertical="center"/>
    </xf>
    <xf numFmtId="0" fontId="10" fillId="0" borderId="3" xfId="0" applyFont="1" applyBorder="1" applyAlignment="1">
      <alignment horizontal="center" vertical="center"/>
    </xf>
    <xf numFmtId="0" fontId="10" fillId="0" borderId="28" xfId="0" applyFont="1" applyBorder="1" applyAlignment="1">
      <alignment horizontal="center" vertical="center"/>
    </xf>
    <xf numFmtId="0" fontId="10" fillId="0" borderId="24" xfId="0" applyFont="1" applyBorder="1" applyAlignment="1">
      <alignment horizontal="center" vertical="center"/>
    </xf>
    <xf numFmtId="0" fontId="10" fillId="0" borderId="29" xfId="0" applyFont="1" applyBorder="1" applyAlignment="1">
      <alignment horizontal="center" vertical="center"/>
    </xf>
    <xf numFmtId="0" fontId="10" fillId="0" borderId="30" xfId="0" applyFont="1" applyBorder="1" applyAlignment="1">
      <alignment horizontal="center" vertical="center"/>
    </xf>
    <xf numFmtId="0" fontId="8" fillId="0" borderId="37" xfId="0" applyFont="1" applyBorder="1" applyAlignment="1">
      <alignment horizontal="center" vertical="center"/>
    </xf>
    <xf numFmtId="0" fontId="8" fillId="0" borderId="29" xfId="0" applyFont="1" applyBorder="1" applyAlignment="1">
      <alignment horizontal="center" vertical="center"/>
    </xf>
    <xf numFmtId="0" fontId="6" fillId="0" borderId="33" xfId="0" applyFont="1" applyBorder="1" applyAlignment="1">
      <alignment horizontal="center" vertical="center"/>
    </xf>
    <xf numFmtId="0" fontId="13" fillId="0" borderId="36" xfId="0" applyFont="1" applyBorder="1" applyAlignment="1">
      <alignment horizontal="center" vertical="center"/>
    </xf>
    <xf numFmtId="0" fontId="13" fillId="0" borderId="58" xfId="0" applyFont="1" applyBorder="1" applyAlignment="1">
      <alignment horizontal="center" vertical="center"/>
    </xf>
    <xf numFmtId="0" fontId="6" fillId="0" borderId="0" xfId="0" applyFont="1" applyBorder="1" applyAlignment="1">
      <alignment horizontal="left"/>
    </xf>
    <xf numFmtId="0" fontId="6" fillId="0" borderId="38" xfId="0" applyFont="1" applyBorder="1" applyAlignment="1">
      <alignment horizontal="left"/>
    </xf>
    <xf numFmtId="0" fontId="11" fillId="0" borderId="0" xfId="0" applyFont="1" applyAlignment="1">
      <alignment horizontal="center"/>
    </xf>
    <xf numFmtId="0" fontId="6" fillId="0" borderId="58" xfId="0" applyFont="1" applyBorder="1" applyAlignment="1">
      <alignment horizontal="center"/>
    </xf>
    <xf numFmtId="0" fontId="6" fillId="0" borderId="54" xfId="0" applyFont="1" applyBorder="1" applyAlignment="1">
      <alignment horizontal="center"/>
    </xf>
    <xf numFmtId="0" fontId="6" fillId="0" borderId="59" xfId="0" applyFont="1" applyBorder="1" applyAlignment="1">
      <alignment horizontal="center"/>
    </xf>
    <xf numFmtId="0" fontId="13" fillId="0" borderId="0" xfId="0" applyFont="1" applyBorder="1" applyAlignment="1">
      <alignment horizontal="left"/>
    </xf>
    <xf numFmtId="0" fontId="6" fillId="0" borderId="60" xfId="0" applyFont="1" applyBorder="1" applyAlignment="1">
      <alignment horizontal="center"/>
    </xf>
    <xf numFmtId="0" fontId="6" fillId="0" borderId="56" xfId="0" applyFont="1" applyBorder="1" applyAlignment="1">
      <alignment horizontal="center"/>
    </xf>
    <xf numFmtId="0" fontId="6" fillId="0" borderId="61" xfId="0" applyFont="1" applyBorder="1" applyAlignment="1">
      <alignment horizontal="center"/>
    </xf>
    <xf numFmtId="0" fontId="6" fillId="0" borderId="58" xfId="0" applyFont="1" applyBorder="1" applyAlignment="1"/>
    <xf numFmtId="0" fontId="6" fillId="0" borderId="54" xfId="0" applyFont="1" applyBorder="1" applyAlignment="1"/>
    <xf numFmtId="0" fontId="6" fillId="0" borderId="59" xfId="0" applyFont="1" applyBorder="1" applyAlignment="1"/>
    <xf numFmtId="0" fontId="13" fillId="0" borderId="0" xfId="0" applyFont="1" applyBorder="1" applyAlignment="1">
      <alignment horizontal="center"/>
    </xf>
    <xf numFmtId="180" fontId="13" fillId="0" borderId="0" xfId="0" applyNumberFormat="1" applyFont="1" applyFill="1" applyBorder="1" applyAlignment="1">
      <alignment horizontal="center"/>
    </xf>
    <xf numFmtId="0" fontId="50" fillId="0" borderId="66" xfId="164" applyFont="1" applyBorder="1" applyAlignment="1">
      <alignment horizontal="center" vertical="center" justifyLastLine="1"/>
    </xf>
    <xf numFmtId="38" fontId="49" fillId="0" borderId="95" xfId="126" applyFont="1" applyBorder="1" applyAlignment="1">
      <alignment horizontal="center" vertical="center"/>
    </xf>
    <xf numFmtId="38" fontId="49" fillId="0" borderId="5" xfId="126" applyFont="1" applyBorder="1" applyAlignment="1">
      <alignment horizontal="center" vertical="center"/>
    </xf>
    <xf numFmtId="0" fontId="57" fillId="0" borderId="95" xfId="157" applyFont="1" applyBorder="1" applyAlignment="1">
      <alignment horizontal="center" vertical="center" shrinkToFit="1"/>
    </xf>
    <xf numFmtId="0" fontId="57" fillId="0" borderId="5" xfId="157" applyFont="1" applyBorder="1" applyAlignment="1">
      <alignment horizontal="center" vertical="center" shrinkToFit="1"/>
    </xf>
    <xf numFmtId="0" fontId="57" fillId="0" borderId="69" xfId="157" applyFont="1" applyBorder="1" applyAlignment="1">
      <alignment horizontal="center" vertical="center" shrinkToFit="1"/>
    </xf>
    <xf numFmtId="0" fontId="57" fillId="0" borderId="95" xfId="157" applyNumberFormat="1" applyFont="1" applyBorder="1" applyAlignment="1">
      <alignment horizontal="center" vertical="center" shrinkToFit="1"/>
    </xf>
    <xf numFmtId="0" fontId="57" fillId="0" borderId="5" xfId="157" applyNumberFormat="1" applyFont="1" applyBorder="1" applyAlignment="1">
      <alignment horizontal="center" vertical="center" shrinkToFit="1"/>
    </xf>
    <xf numFmtId="0" fontId="57" fillId="0" borderId="69" xfId="157" applyNumberFormat="1" applyFont="1" applyBorder="1" applyAlignment="1">
      <alignment horizontal="center" vertical="center" shrinkToFit="1"/>
    </xf>
    <xf numFmtId="0" fontId="6" fillId="0" borderId="41" xfId="0" applyFont="1" applyBorder="1" applyAlignment="1">
      <alignment horizontal="distributed" vertical="center" justifyLastLine="1"/>
    </xf>
    <xf numFmtId="0" fontId="6" fillId="0" borderId="42" xfId="0" applyFont="1" applyBorder="1" applyAlignment="1">
      <alignment horizontal="distributed" vertical="center" justifyLastLine="1"/>
    </xf>
    <xf numFmtId="0" fontId="6" fillId="0" borderId="37" xfId="0" applyFont="1" applyBorder="1" applyAlignment="1">
      <alignment horizontal="distributed" vertical="center" justifyLastLine="1"/>
    </xf>
    <xf numFmtId="0" fontId="6" fillId="0" borderId="48" xfId="0" applyFont="1" applyBorder="1" applyAlignment="1">
      <alignment horizontal="distributed" vertical="center" justifyLastLine="1"/>
    </xf>
    <xf numFmtId="0" fontId="6" fillId="0" borderId="36" xfId="0" applyFont="1" applyBorder="1" applyAlignment="1">
      <alignment horizontal="distributed" vertical="center" justifyLastLine="1"/>
    </xf>
    <xf numFmtId="0" fontId="6" fillId="0" borderId="38" xfId="0" applyFont="1" applyBorder="1" applyAlignment="1">
      <alignment horizontal="distributed" vertical="center" justifyLastLine="1"/>
    </xf>
    <xf numFmtId="0" fontId="6" fillId="0" borderId="0" xfId="0" applyFont="1" applyBorder="1" applyAlignment="1">
      <alignment horizontal="distributed" vertical="center" justifyLastLine="1"/>
    </xf>
    <xf numFmtId="0" fontId="6" fillId="0" borderId="50" xfId="0" applyFont="1" applyBorder="1" applyAlignment="1">
      <alignment horizontal="distributed" vertical="center" justifyLastLine="1"/>
    </xf>
    <xf numFmtId="0" fontId="6" fillId="0" borderId="24" xfId="0" applyFont="1" applyBorder="1" applyAlignment="1">
      <alignment horizontal="distributed" vertical="center" justifyLastLine="1"/>
    </xf>
    <xf numFmtId="0" fontId="6" fillId="0" borderId="30" xfId="0" applyFont="1" applyBorder="1" applyAlignment="1">
      <alignment horizontal="distributed" vertical="center" justifyLastLine="1"/>
    </xf>
    <xf numFmtId="0" fontId="6" fillId="0" borderId="29" xfId="0" applyFont="1" applyBorder="1" applyAlignment="1">
      <alignment horizontal="distributed" vertical="center" justifyLastLine="1"/>
    </xf>
    <xf numFmtId="0" fontId="6" fillId="0" borderId="52" xfId="0" applyFont="1" applyBorder="1" applyAlignment="1">
      <alignment horizontal="distributed" vertical="center" justifyLastLine="1"/>
    </xf>
    <xf numFmtId="0" fontId="55" fillId="0" borderId="78" xfId="0" applyNumberFormat="1" applyFont="1" applyBorder="1" applyAlignment="1">
      <alignment horizontal="center" vertical="center" shrinkToFit="1"/>
    </xf>
    <xf numFmtId="0" fontId="56" fillId="0" borderId="81" xfId="0" applyNumberFormat="1" applyFont="1" applyBorder="1" applyAlignment="1" applyProtection="1">
      <alignment horizontal="center" vertical="center"/>
      <protection locked="0"/>
    </xf>
    <xf numFmtId="0" fontId="56" fillId="0" borderId="84" xfId="0" applyNumberFormat="1" applyFont="1" applyBorder="1" applyAlignment="1" applyProtection="1">
      <protection locked="0"/>
    </xf>
    <xf numFmtId="0" fontId="79" fillId="0" borderId="0" xfId="0" applyNumberFormat="1" applyFont="1" applyAlignment="1">
      <alignment horizontal="center" vertical="center"/>
    </xf>
  </cellXfs>
  <cellStyles count="244">
    <cellStyle name="??" xfId="1"/>
    <cellStyle name="?? [0.00]_PERSONAL" xfId="2"/>
    <cellStyle name="???? [0.00]_PERSONAL" xfId="3"/>
    <cellStyle name="????_PERSONAL" xfId="4"/>
    <cellStyle name="??_PERSONAL" xfId="5"/>
    <cellStyle name="=C:\WINDOWS\SYSTEM32\COMMAND.COM" xfId="6"/>
    <cellStyle name="æØè [0.00]" xfId="7"/>
    <cellStyle name="ÊÝ [0.00]" xfId="8"/>
    <cellStyle name="0.000" xfId="9"/>
    <cellStyle name="121" xfId="10"/>
    <cellStyle name="20% - アクセント 1 2" xfId="11"/>
    <cellStyle name="20% - アクセント 2 2" xfId="12"/>
    <cellStyle name="20% - アクセント 3 2" xfId="13"/>
    <cellStyle name="20% - アクセント 4 2" xfId="14"/>
    <cellStyle name="20% - アクセント 5 2" xfId="15"/>
    <cellStyle name="20% - アクセント 6 2" xfId="16"/>
    <cellStyle name="40% - アクセント 1 2" xfId="17"/>
    <cellStyle name="40% - アクセント 2 2" xfId="18"/>
    <cellStyle name="40% - アクセント 3 2" xfId="19"/>
    <cellStyle name="40% - アクセント 4 2" xfId="20"/>
    <cellStyle name="40% - アクセント 5 2" xfId="21"/>
    <cellStyle name="40% - アクセント 6 2" xfId="22"/>
    <cellStyle name="60% - アクセント 1 2" xfId="23"/>
    <cellStyle name="60% - アクセント 2 2" xfId="24"/>
    <cellStyle name="60% - アクセント 3 2" xfId="25"/>
    <cellStyle name="60% - アクセント 4 2" xfId="26"/>
    <cellStyle name="60% - アクセント 5 2" xfId="27"/>
    <cellStyle name="60% - アクセント 6 2" xfId="28"/>
    <cellStyle name="A4縦" xfId="173"/>
    <cellStyle name="Arial 10" xfId="29"/>
    <cellStyle name="Arial 12" xfId="30"/>
    <cellStyle name="Arial 8" xfId="31"/>
    <cellStyle name="Calc Currency (0)" xfId="32"/>
    <cellStyle name="Calc Currency (0) 2" xfId="33"/>
    <cellStyle name="Calc Currency (0)_140424_羽津ポンプ場設計書（鋼製加工品のみとする）" xfId="34"/>
    <cellStyle name="Calc Currency (2)" xfId="35"/>
    <cellStyle name="Calc Percent (0)" xfId="36"/>
    <cellStyle name="Calc Percent (1)" xfId="37"/>
    <cellStyle name="Calc Percent (2)" xfId="38"/>
    <cellStyle name="Calc Units (0)" xfId="39"/>
    <cellStyle name="Calc Units (1)" xfId="40"/>
    <cellStyle name="Calc Units (2)" xfId="41"/>
    <cellStyle name="Comma [0]_#6 Temps &amp; Contractors" xfId="42"/>
    <cellStyle name="Comma [00]" xfId="43"/>
    <cellStyle name="Comma_#6 Temps &amp; Contractors" xfId="44"/>
    <cellStyle name="COMP定番表書式" xfId="45"/>
    <cellStyle name="Currency [0]_#6 Temps &amp; Contractors" xfId="46"/>
    <cellStyle name="Currency [00]" xfId="47"/>
    <cellStyle name="Currency_#6 Temps &amp; Contractors" xfId="48"/>
    <cellStyle name="dak" xfId="49"/>
    <cellStyle name="Date Short" xfId="50"/>
    <cellStyle name="Enter Currency (0)" xfId="51"/>
    <cellStyle name="Enter Currency (2)" xfId="52"/>
    <cellStyle name="Enter Units (0)" xfId="53"/>
    <cellStyle name="Enter Units (1)" xfId="54"/>
    <cellStyle name="Enter Units (2)" xfId="55"/>
    <cellStyle name="entry" xfId="56"/>
    <cellStyle name="Followed Hyperlink" xfId="57"/>
    <cellStyle name="Grey" xfId="58"/>
    <cellStyle name="Header1" xfId="59"/>
    <cellStyle name="Header2" xfId="60"/>
    <cellStyle name="Hyperlink" xfId="61"/>
    <cellStyle name="Input [yellow]" xfId="62"/>
    <cellStyle name="Link Currency (0)" xfId="63"/>
    <cellStyle name="Link Currency (2)" xfId="64"/>
    <cellStyle name="Link Units (0)" xfId="65"/>
    <cellStyle name="Link Units (1)" xfId="66"/>
    <cellStyle name="Link Units (2)" xfId="67"/>
    <cellStyle name="ＭＳゴシック　10" xfId="68"/>
    <cellStyle name="ＭＳゴシック 12" xfId="69"/>
    <cellStyle name="new" xfId="70"/>
    <cellStyle name="NIC-0" xfId="174"/>
    <cellStyle name="Normal - Style1" xfId="71"/>
    <cellStyle name="Normal_# 41-Market &amp;Trends" xfId="72"/>
    <cellStyle name="ParaBirimi [0]_RESULTS" xfId="73"/>
    <cellStyle name="ParaBirimi_RESULTS" xfId="74"/>
    <cellStyle name="Percent [0]" xfId="75"/>
    <cellStyle name="Percent [00]" xfId="76"/>
    <cellStyle name="Percent [2]" xfId="77"/>
    <cellStyle name="Percent_#6 Temps &amp; Contractors" xfId="78"/>
    <cellStyle name="PrePop Currency (0)" xfId="79"/>
    <cellStyle name="PrePop Currency (2)" xfId="80"/>
    <cellStyle name="PrePop Units (0)" xfId="81"/>
    <cellStyle name="PrePop Units (1)" xfId="82"/>
    <cellStyle name="PrePop Units (2)" xfId="83"/>
    <cellStyle name="price" xfId="84"/>
    <cellStyle name="PSChar" xfId="85"/>
    <cellStyle name="PSHeading" xfId="86"/>
    <cellStyle name="revised" xfId="87"/>
    <cellStyle name="sc5" xfId="88"/>
    <cellStyle name="sc7" xfId="89"/>
    <cellStyle name="section" xfId="90"/>
    <cellStyle name="Standard_COST INPUT SHEET" xfId="91"/>
    <cellStyle name="STYL0" xfId="175"/>
    <cellStyle name="STYL0 - ｽﾀｲﾙ1" xfId="176"/>
    <cellStyle name="STYL1" xfId="177"/>
    <cellStyle name="STYL1 - ｽﾀｲﾙ2" xfId="178"/>
    <cellStyle name="STYL2" xfId="179"/>
    <cellStyle name="STYL2 - ｽﾀｲﾙ3" xfId="180"/>
    <cellStyle name="STYL3" xfId="181"/>
    <cellStyle name="STYL3 - ｽﾀｲﾙ4" xfId="182"/>
    <cellStyle name="STYL4" xfId="183"/>
    <cellStyle name="STYL4 - ｽﾀｲﾙ5" xfId="184"/>
    <cellStyle name="STYL5" xfId="185"/>
    <cellStyle name="STYL5 - ｽﾀｲﾙ6" xfId="186"/>
    <cellStyle name="STYL6" xfId="187"/>
    <cellStyle name="STYL6 - ｽﾀｲﾙ7" xfId="188"/>
    <cellStyle name="STYL7" xfId="189"/>
    <cellStyle name="STYL7 - ｽﾀｲﾙ8" xfId="190"/>
    <cellStyle name="StyleName1" xfId="191"/>
    <cellStyle name="StyleName2" xfId="192"/>
    <cellStyle name="StyleName3" xfId="193"/>
    <cellStyle name="StyleName4" xfId="194"/>
    <cellStyle name="StyleName5" xfId="195"/>
    <cellStyle name="StyleName6" xfId="196"/>
    <cellStyle name="StyleName7" xfId="197"/>
    <cellStyle name="StyleName8" xfId="198"/>
    <cellStyle name="subhead" xfId="92"/>
    <cellStyle name="Text Indent A" xfId="93"/>
    <cellStyle name="Text Indent B" xfId="94"/>
    <cellStyle name="Text Indent C" xfId="95"/>
    <cellStyle name="title" xfId="96"/>
    <cellStyle name="TSUIKA" xfId="199"/>
    <cellStyle name="Virg・ [0]_RESULTS" xfId="97"/>
    <cellStyle name="Virg・_RESULTS" xfId="98"/>
    <cellStyle name="アクセント 1 2" xfId="99"/>
    <cellStyle name="アクセント 2 2" xfId="100"/>
    <cellStyle name="アクセント 3 2" xfId="101"/>
    <cellStyle name="アクセント 4 2" xfId="102"/>
    <cellStyle name="アクセント 5 2" xfId="103"/>
    <cellStyle name="アクセント 6 2" xfId="104"/>
    <cellStyle name="タイトル 2" xfId="105"/>
    <cellStyle name="チェック セル 2" xfId="106"/>
    <cellStyle name="どちらでもない 2" xfId="107"/>
    <cellStyle name="ﾄ褊褂燾・[0]_PERSONAL" xfId="108"/>
    <cellStyle name="ﾄ褊褂燾饑PERSONAL" xfId="109"/>
    <cellStyle name="パーセント 2" xfId="110"/>
    <cellStyle name="ﾌｫﾝﾄ変更" xfId="111"/>
    <cellStyle name="ﾎ磊隆_PERSONAL" xfId="112"/>
    <cellStyle name="メモ 2" xfId="113"/>
    <cellStyle name="ﾔ竟瑙糺・[0]_PERSONAL" xfId="114"/>
    <cellStyle name="ﾔ竟瑙糺饑PERSONAL" xfId="115"/>
    <cellStyle name="リンク" xfId="116"/>
    <cellStyle name="リンク セル 2" xfId="117"/>
    <cellStyle name="悪い 2" xfId="118"/>
    <cellStyle name="位置" xfId="200"/>
    <cellStyle name="下段_0" xfId="119"/>
    <cellStyle name="会社名" xfId="120"/>
    <cellStyle name="強調" xfId="121"/>
    <cellStyle name="金額" xfId="122"/>
    <cellStyle name="計算 2" xfId="123"/>
    <cellStyle name="警告文 2" xfId="124"/>
    <cellStyle name="桁区切り [0.0]" xfId="125"/>
    <cellStyle name="桁区切り 2" xfId="126"/>
    <cellStyle name="桁区切り 2 2" xfId="127"/>
    <cellStyle name="桁区切り 2 2 2" xfId="201"/>
    <cellStyle name="桁区切り 3" xfId="128"/>
    <cellStyle name="桁区切り 3 2" xfId="202"/>
    <cellStyle name="桁区切り 4" xfId="203"/>
    <cellStyle name="桁区切り 5" xfId="236"/>
    <cellStyle name="桁区切り 6" xfId="237"/>
    <cellStyle name="桁区切り（０なし）" xfId="129"/>
    <cellStyle name="桁区切り0" xfId="130"/>
    <cellStyle name="桁区切り1" xfId="131"/>
    <cellStyle name="桁区切り2" xfId="132"/>
    <cellStyle name="見出し 1 2" xfId="133"/>
    <cellStyle name="見出し 2 2" xfId="134"/>
    <cellStyle name="見出し 3 2" xfId="135"/>
    <cellStyle name="見出し 4 2" xfId="136"/>
    <cellStyle name="見積桁区切り" xfId="137"/>
    <cellStyle name="見積-桁区切り" xfId="138"/>
    <cellStyle name="見積-通貨記号" xfId="139"/>
    <cellStyle name="工期算定表" xfId="140"/>
    <cellStyle name="工程表_書式" xfId="204"/>
    <cellStyle name="細明朝　9" xfId="205"/>
    <cellStyle name="細明朝12" xfId="206"/>
    <cellStyle name="集計 2" xfId="141"/>
    <cellStyle name="縦下" xfId="207"/>
    <cellStyle name="縦上" xfId="208"/>
    <cellStyle name="縦中央" xfId="209"/>
    <cellStyle name="出力 2" xfId="142"/>
    <cellStyle name="小数点０位 [0]" xfId="210"/>
    <cellStyle name="小数点１位 [0.0]" xfId="211"/>
    <cellStyle name="小数点２位 [0.00]" xfId="212"/>
    <cellStyle name="小数点３位 [0.000]" xfId="213"/>
    <cellStyle name="小表題" xfId="214"/>
    <cellStyle name="上の原" xfId="143"/>
    <cellStyle name="上段_0" xfId="144"/>
    <cellStyle name="数量" xfId="145"/>
    <cellStyle name="数量計算" xfId="146"/>
    <cellStyle name="積算" xfId="147"/>
    <cellStyle name="設計用紙乙" xfId="238"/>
    <cellStyle name="設計用紙乙1" xfId="239"/>
    <cellStyle name="設計用紙乙2" xfId="240"/>
    <cellStyle name="設計用紙乙3" xfId="241"/>
    <cellStyle name="説明文 2" xfId="148"/>
    <cellStyle name="線細い" xfId="242"/>
    <cellStyle name="損料_書式" xfId="215"/>
    <cellStyle name="代価表_書式" xfId="216"/>
    <cellStyle name="大表題(12)" xfId="217"/>
    <cellStyle name="大表題(14)" xfId="218"/>
    <cellStyle name="大表題(16)" xfId="219"/>
    <cellStyle name="大表題(20)" xfId="220"/>
    <cellStyle name="帳票" xfId="149"/>
    <cellStyle name="通浦 [0.00]_laroux" xfId="150"/>
    <cellStyle name="通浦_laroux" xfId="151"/>
    <cellStyle name="通貨 2" xfId="152"/>
    <cellStyle name="日進量_書式" xfId="221"/>
    <cellStyle name="入力 2" xfId="153"/>
    <cellStyle name="年号" xfId="154"/>
    <cellStyle name="破線" xfId="155"/>
    <cellStyle name="非表示" xfId="156"/>
    <cellStyle name="標準" xfId="0" builtinId="0"/>
    <cellStyle name="標準 10" xfId="222"/>
    <cellStyle name="標準 11" xfId="223"/>
    <cellStyle name="標準 12" xfId="224"/>
    <cellStyle name="標準 2" xfId="157"/>
    <cellStyle name="標準 2 2" xfId="158"/>
    <cellStyle name="標準 2 2 2" xfId="225"/>
    <cellStyle name="標準 2 3" xfId="159"/>
    <cellStyle name="標準 2_西笹川中武道場機械内訳書" xfId="160"/>
    <cellStyle name="標準 3" xfId="161"/>
    <cellStyle name="標準 4" xfId="162"/>
    <cellStyle name="標準 4 2" xfId="226"/>
    <cellStyle name="標準 4 3" xfId="243"/>
    <cellStyle name="標準 5" xfId="227"/>
    <cellStyle name="標準 5 2" xfId="228"/>
    <cellStyle name="標準 6" xfId="229"/>
    <cellStyle name="標準 7" xfId="230"/>
    <cellStyle name="標準 8" xfId="231"/>
    <cellStyle name="標準 9" xfId="232"/>
    <cellStyle name="標準、罫線" xfId="233"/>
    <cellStyle name="標準_ｈ20水沢配水池追塩装置設置設計書" xfId="163"/>
    <cellStyle name="標準_川島MP1設計書 2" xfId="235"/>
    <cellStyle name="標準_総括" xfId="164"/>
    <cellStyle name="標準２" xfId="165"/>
    <cellStyle name="標準A" xfId="166"/>
    <cellStyle name="標準Ａ" xfId="167"/>
    <cellStyle name="標準戻し" xfId="168"/>
    <cellStyle name="表１" xfId="234"/>
    <cellStyle name="表紙" xfId="169"/>
    <cellStyle name="別紙明細" xfId="170"/>
    <cellStyle name="未定義" xfId="171"/>
    <cellStyle name="良い 2" xfId="17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Lst>
</styleSheet>
</file>

<file path=xl/_rels/workbook.xml.rels><?xml version="1.0" encoding="UTF-8" standalone="yes"?>
<Relationships xmlns="http://schemas.openxmlformats.org/package/2006/relationships"><Relationship Id="rId26" Type="http://schemas.openxmlformats.org/officeDocument/2006/relationships/externalLink" Target="externalLinks/externalLink21.xml"/><Relationship Id="rId21" Type="http://schemas.openxmlformats.org/officeDocument/2006/relationships/externalLink" Target="externalLinks/externalLink16.xml"/><Relationship Id="rId42" Type="http://schemas.openxmlformats.org/officeDocument/2006/relationships/externalLink" Target="externalLinks/externalLink37.xml"/><Relationship Id="rId47" Type="http://schemas.openxmlformats.org/officeDocument/2006/relationships/externalLink" Target="externalLinks/externalLink42.xml"/><Relationship Id="rId63" Type="http://schemas.openxmlformats.org/officeDocument/2006/relationships/externalLink" Target="externalLinks/externalLink58.xml"/><Relationship Id="rId68" Type="http://schemas.openxmlformats.org/officeDocument/2006/relationships/externalLink" Target="externalLinks/externalLink63.xml"/><Relationship Id="rId84" Type="http://schemas.openxmlformats.org/officeDocument/2006/relationships/externalLink" Target="externalLinks/externalLink79.xml"/><Relationship Id="rId89" Type="http://schemas.openxmlformats.org/officeDocument/2006/relationships/externalLink" Target="externalLinks/externalLink84.xml"/><Relationship Id="rId112" Type="http://schemas.openxmlformats.org/officeDocument/2006/relationships/theme" Target="theme/theme1.xml"/><Relationship Id="rId16" Type="http://schemas.openxmlformats.org/officeDocument/2006/relationships/externalLink" Target="externalLinks/externalLink11.xml"/><Relationship Id="rId107" Type="http://schemas.openxmlformats.org/officeDocument/2006/relationships/externalLink" Target="externalLinks/externalLink102.xml"/><Relationship Id="rId11" Type="http://schemas.openxmlformats.org/officeDocument/2006/relationships/externalLink" Target="externalLinks/externalLink6.xml"/><Relationship Id="rId24" Type="http://schemas.openxmlformats.org/officeDocument/2006/relationships/externalLink" Target="externalLinks/externalLink19.xml"/><Relationship Id="rId32" Type="http://schemas.openxmlformats.org/officeDocument/2006/relationships/externalLink" Target="externalLinks/externalLink27.xml"/><Relationship Id="rId37" Type="http://schemas.openxmlformats.org/officeDocument/2006/relationships/externalLink" Target="externalLinks/externalLink32.xml"/><Relationship Id="rId40" Type="http://schemas.openxmlformats.org/officeDocument/2006/relationships/externalLink" Target="externalLinks/externalLink35.xml"/><Relationship Id="rId45" Type="http://schemas.openxmlformats.org/officeDocument/2006/relationships/externalLink" Target="externalLinks/externalLink40.xml"/><Relationship Id="rId53" Type="http://schemas.openxmlformats.org/officeDocument/2006/relationships/externalLink" Target="externalLinks/externalLink48.xml"/><Relationship Id="rId58" Type="http://schemas.openxmlformats.org/officeDocument/2006/relationships/externalLink" Target="externalLinks/externalLink53.xml"/><Relationship Id="rId66" Type="http://schemas.openxmlformats.org/officeDocument/2006/relationships/externalLink" Target="externalLinks/externalLink61.xml"/><Relationship Id="rId74" Type="http://schemas.openxmlformats.org/officeDocument/2006/relationships/externalLink" Target="externalLinks/externalLink69.xml"/><Relationship Id="rId79" Type="http://schemas.openxmlformats.org/officeDocument/2006/relationships/externalLink" Target="externalLinks/externalLink74.xml"/><Relationship Id="rId87" Type="http://schemas.openxmlformats.org/officeDocument/2006/relationships/externalLink" Target="externalLinks/externalLink82.xml"/><Relationship Id="rId102" Type="http://schemas.openxmlformats.org/officeDocument/2006/relationships/externalLink" Target="externalLinks/externalLink97.xml"/><Relationship Id="rId110" Type="http://schemas.openxmlformats.org/officeDocument/2006/relationships/externalLink" Target="externalLinks/externalLink105.xml"/><Relationship Id="rId115" Type="http://schemas.openxmlformats.org/officeDocument/2006/relationships/calcChain" Target="calcChain.xml"/><Relationship Id="rId5" Type="http://schemas.openxmlformats.org/officeDocument/2006/relationships/worksheet" Target="worksheets/sheet5.xml"/><Relationship Id="rId61" Type="http://schemas.openxmlformats.org/officeDocument/2006/relationships/externalLink" Target="externalLinks/externalLink56.xml"/><Relationship Id="rId82" Type="http://schemas.openxmlformats.org/officeDocument/2006/relationships/externalLink" Target="externalLinks/externalLink77.xml"/><Relationship Id="rId90" Type="http://schemas.openxmlformats.org/officeDocument/2006/relationships/externalLink" Target="externalLinks/externalLink85.xml"/><Relationship Id="rId95" Type="http://schemas.openxmlformats.org/officeDocument/2006/relationships/externalLink" Target="externalLinks/externalLink90.xml"/><Relationship Id="rId19" Type="http://schemas.openxmlformats.org/officeDocument/2006/relationships/externalLink" Target="externalLinks/externalLink14.xml"/><Relationship Id="rId14" Type="http://schemas.openxmlformats.org/officeDocument/2006/relationships/externalLink" Target="externalLinks/externalLink9.xml"/><Relationship Id="rId22" Type="http://schemas.openxmlformats.org/officeDocument/2006/relationships/externalLink" Target="externalLinks/externalLink17.xml"/><Relationship Id="rId27" Type="http://schemas.openxmlformats.org/officeDocument/2006/relationships/externalLink" Target="externalLinks/externalLink22.xml"/><Relationship Id="rId30" Type="http://schemas.openxmlformats.org/officeDocument/2006/relationships/externalLink" Target="externalLinks/externalLink25.xml"/><Relationship Id="rId35" Type="http://schemas.openxmlformats.org/officeDocument/2006/relationships/externalLink" Target="externalLinks/externalLink30.xml"/><Relationship Id="rId43" Type="http://schemas.openxmlformats.org/officeDocument/2006/relationships/externalLink" Target="externalLinks/externalLink38.xml"/><Relationship Id="rId48" Type="http://schemas.openxmlformats.org/officeDocument/2006/relationships/externalLink" Target="externalLinks/externalLink43.xml"/><Relationship Id="rId56" Type="http://schemas.openxmlformats.org/officeDocument/2006/relationships/externalLink" Target="externalLinks/externalLink51.xml"/><Relationship Id="rId64" Type="http://schemas.openxmlformats.org/officeDocument/2006/relationships/externalLink" Target="externalLinks/externalLink59.xml"/><Relationship Id="rId69" Type="http://schemas.openxmlformats.org/officeDocument/2006/relationships/externalLink" Target="externalLinks/externalLink64.xml"/><Relationship Id="rId77" Type="http://schemas.openxmlformats.org/officeDocument/2006/relationships/externalLink" Target="externalLinks/externalLink72.xml"/><Relationship Id="rId100" Type="http://schemas.openxmlformats.org/officeDocument/2006/relationships/externalLink" Target="externalLinks/externalLink95.xml"/><Relationship Id="rId105" Type="http://schemas.openxmlformats.org/officeDocument/2006/relationships/externalLink" Target="externalLinks/externalLink100.xml"/><Relationship Id="rId113" Type="http://schemas.openxmlformats.org/officeDocument/2006/relationships/styles" Target="styles.xml"/><Relationship Id="rId8" Type="http://schemas.openxmlformats.org/officeDocument/2006/relationships/externalLink" Target="externalLinks/externalLink3.xml"/><Relationship Id="rId51" Type="http://schemas.openxmlformats.org/officeDocument/2006/relationships/externalLink" Target="externalLinks/externalLink46.xml"/><Relationship Id="rId72" Type="http://schemas.openxmlformats.org/officeDocument/2006/relationships/externalLink" Target="externalLinks/externalLink67.xml"/><Relationship Id="rId80" Type="http://schemas.openxmlformats.org/officeDocument/2006/relationships/externalLink" Target="externalLinks/externalLink75.xml"/><Relationship Id="rId85" Type="http://schemas.openxmlformats.org/officeDocument/2006/relationships/externalLink" Target="externalLinks/externalLink80.xml"/><Relationship Id="rId93" Type="http://schemas.openxmlformats.org/officeDocument/2006/relationships/externalLink" Target="externalLinks/externalLink88.xml"/><Relationship Id="rId98" Type="http://schemas.openxmlformats.org/officeDocument/2006/relationships/externalLink" Target="externalLinks/externalLink93.xml"/><Relationship Id="rId3" Type="http://schemas.openxmlformats.org/officeDocument/2006/relationships/worksheet" Target="worksheets/sheet3.xml"/><Relationship Id="rId12" Type="http://schemas.openxmlformats.org/officeDocument/2006/relationships/externalLink" Target="externalLinks/externalLink7.xml"/><Relationship Id="rId17" Type="http://schemas.openxmlformats.org/officeDocument/2006/relationships/externalLink" Target="externalLinks/externalLink12.xml"/><Relationship Id="rId25" Type="http://schemas.openxmlformats.org/officeDocument/2006/relationships/externalLink" Target="externalLinks/externalLink20.xml"/><Relationship Id="rId33" Type="http://schemas.openxmlformats.org/officeDocument/2006/relationships/externalLink" Target="externalLinks/externalLink28.xml"/><Relationship Id="rId38" Type="http://schemas.openxmlformats.org/officeDocument/2006/relationships/externalLink" Target="externalLinks/externalLink33.xml"/><Relationship Id="rId46" Type="http://schemas.openxmlformats.org/officeDocument/2006/relationships/externalLink" Target="externalLinks/externalLink41.xml"/><Relationship Id="rId59" Type="http://schemas.openxmlformats.org/officeDocument/2006/relationships/externalLink" Target="externalLinks/externalLink54.xml"/><Relationship Id="rId67" Type="http://schemas.openxmlformats.org/officeDocument/2006/relationships/externalLink" Target="externalLinks/externalLink62.xml"/><Relationship Id="rId103" Type="http://schemas.openxmlformats.org/officeDocument/2006/relationships/externalLink" Target="externalLinks/externalLink98.xml"/><Relationship Id="rId108" Type="http://schemas.openxmlformats.org/officeDocument/2006/relationships/externalLink" Target="externalLinks/externalLink103.xml"/><Relationship Id="rId20" Type="http://schemas.openxmlformats.org/officeDocument/2006/relationships/externalLink" Target="externalLinks/externalLink15.xml"/><Relationship Id="rId41" Type="http://schemas.openxmlformats.org/officeDocument/2006/relationships/externalLink" Target="externalLinks/externalLink36.xml"/><Relationship Id="rId54" Type="http://schemas.openxmlformats.org/officeDocument/2006/relationships/externalLink" Target="externalLinks/externalLink49.xml"/><Relationship Id="rId62" Type="http://schemas.openxmlformats.org/officeDocument/2006/relationships/externalLink" Target="externalLinks/externalLink57.xml"/><Relationship Id="rId70" Type="http://schemas.openxmlformats.org/officeDocument/2006/relationships/externalLink" Target="externalLinks/externalLink65.xml"/><Relationship Id="rId75" Type="http://schemas.openxmlformats.org/officeDocument/2006/relationships/externalLink" Target="externalLinks/externalLink70.xml"/><Relationship Id="rId83" Type="http://schemas.openxmlformats.org/officeDocument/2006/relationships/externalLink" Target="externalLinks/externalLink78.xml"/><Relationship Id="rId88" Type="http://schemas.openxmlformats.org/officeDocument/2006/relationships/externalLink" Target="externalLinks/externalLink83.xml"/><Relationship Id="rId91" Type="http://schemas.openxmlformats.org/officeDocument/2006/relationships/externalLink" Target="externalLinks/externalLink86.xml"/><Relationship Id="rId96" Type="http://schemas.openxmlformats.org/officeDocument/2006/relationships/externalLink" Target="externalLinks/externalLink91.xml"/><Relationship Id="rId111" Type="http://schemas.openxmlformats.org/officeDocument/2006/relationships/externalLink" Target="externalLinks/externalLink106.xml"/><Relationship Id="rId1" Type="http://schemas.openxmlformats.org/officeDocument/2006/relationships/worksheet" Target="worksheets/sheet1.xml"/><Relationship Id="rId6" Type="http://schemas.openxmlformats.org/officeDocument/2006/relationships/externalLink" Target="externalLinks/externalLink1.xml"/><Relationship Id="rId15" Type="http://schemas.openxmlformats.org/officeDocument/2006/relationships/externalLink" Target="externalLinks/externalLink10.xml"/><Relationship Id="rId23" Type="http://schemas.openxmlformats.org/officeDocument/2006/relationships/externalLink" Target="externalLinks/externalLink18.xml"/><Relationship Id="rId28" Type="http://schemas.openxmlformats.org/officeDocument/2006/relationships/externalLink" Target="externalLinks/externalLink23.xml"/><Relationship Id="rId36" Type="http://schemas.openxmlformats.org/officeDocument/2006/relationships/externalLink" Target="externalLinks/externalLink31.xml"/><Relationship Id="rId49" Type="http://schemas.openxmlformats.org/officeDocument/2006/relationships/externalLink" Target="externalLinks/externalLink44.xml"/><Relationship Id="rId57" Type="http://schemas.openxmlformats.org/officeDocument/2006/relationships/externalLink" Target="externalLinks/externalLink52.xml"/><Relationship Id="rId106" Type="http://schemas.openxmlformats.org/officeDocument/2006/relationships/externalLink" Target="externalLinks/externalLink101.xml"/><Relationship Id="rId114" Type="http://schemas.openxmlformats.org/officeDocument/2006/relationships/sharedStrings" Target="sharedStrings.xml"/><Relationship Id="rId10" Type="http://schemas.openxmlformats.org/officeDocument/2006/relationships/externalLink" Target="externalLinks/externalLink5.xml"/><Relationship Id="rId31" Type="http://schemas.openxmlformats.org/officeDocument/2006/relationships/externalLink" Target="externalLinks/externalLink26.xml"/><Relationship Id="rId44" Type="http://schemas.openxmlformats.org/officeDocument/2006/relationships/externalLink" Target="externalLinks/externalLink39.xml"/><Relationship Id="rId52" Type="http://schemas.openxmlformats.org/officeDocument/2006/relationships/externalLink" Target="externalLinks/externalLink47.xml"/><Relationship Id="rId60" Type="http://schemas.openxmlformats.org/officeDocument/2006/relationships/externalLink" Target="externalLinks/externalLink55.xml"/><Relationship Id="rId65" Type="http://schemas.openxmlformats.org/officeDocument/2006/relationships/externalLink" Target="externalLinks/externalLink60.xml"/><Relationship Id="rId73" Type="http://schemas.openxmlformats.org/officeDocument/2006/relationships/externalLink" Target="externalLinks/externalLink68.xml"/><Relationship Id="rId78" Type="http://schemas.openxmlformats.org/officeDocument/2006/relationships/externalLink" Target="externalLinks/externalLink73.xml"/><Relationship Id="rId81" Type="http://schemas.openxmlformats.org/officeDocument/2006/relationships/externalLink" Target="externalLinks/externalLink76.xml"/><Relationship Id="rId86" Type="http://schemas.openxmlformats.org/officeDocument/2006/relationships/externalLink" Target="externalLinks/externalLink81.xml"/><Relationship Id="rId94" Type="http://schemas.openxmlformats.org/officeDocument/2006/relationships/externalLink" Target="externalLinks/externalLink89.xml"/><Relationship Id="rId99" Type="http://schemas.openxmlformats.org/officeDocument/2006/relationships/externalLink" Target="externalLinks/externalLink94.xml"/><Relationship Id="rId101" Type="http://schemas.openxmlformats.org/officeDocument/2006/relationships/externalLink" Target="externalLinks/externalLink96.xml"/><Relationship Id="rId4" Type="http://schemas.openxmlformats.org/officeDocument/2006/relationships/worksheet" Target="worksheets/sheet4.xml"/><Relationship Id="rId9" Type="http://schemas.openxmlformats.org/officeDocument/2006/relationships/externalLink" Target="externalLinks/externalLink4.xml"/><Relationship Id="rId13" Type="http://schemas.openxmlformats.org/officeDocument/2006/relationships/externalLink" Target="externalLinks/externalLink8.xml"/><Relationship Id="rId18" Type="http://schemas.openxmlformats.org/officeDocument/2006/relationships/externalLink" Target="externalLinks/externalLink13.xml"/><Relationship Id="rId39" Type="http://schemas.openxmlformats.org/officeDocument/2006/relationships/externalLink" Target="externalLinks/externalLink34.xml"/><Relationship Id="rId109" Type="http://schemas.openxmlformats.org/officeDocument/2006/relationships/externalLink" Target="externalLinks/externalLink104.xml"/><Relationship Id="rId34" Type="http://schemas.openxmlformats.org/officeDocument/2006/relationships/externalLink" Target="externalLinks/externalLink29.xml"/><Relationship Id="rId50" Type="http://schemas.openxmlformats.org/officeDocument/2006/relationships/externalLink" Target="externalLinks/externalLink45.xml"/><Relationship Id="rId55" Type="http://schemas.openxmlformats.org/officeDocument/2006/relationships/externalLink" Target="externalLinks/externalLink50.xml"/><Relationship Id="rId76" Type="http://schemas.openxmlformats.org/officeDocument/2006/relationships/externalLink" Target="externalLinks/externalLink71.xml"/><Relationship Id="rId97" Type="http://schemas.openxmlformats.org/officeDocument/2006/relationships/externalLink" Target="externalLinks/externalLink92.xml"/><Relationship Id="rId104" Type="http://schemas.openxmlformats.org/officeDocument/2006/relationships/externalLink" Target="externalLinks/externalLink99.xml"/><Relationship Id="rId7" Type="http://schemas.openxmlformats.org/officeDocument/2006/relationships/externalLink" Target="externalLinks/externalLink2.xml"/><Relationship Id="rId71" Type="http://schemas.openxmlformats.org/officeDocument/2006/relationships/externalLink" Target="externalLinks/externalLink66.xml"/><Relationship Id="rId92" Type="http://schemas.openxmlformats.org/officeDocument/2006/relationships/externalLink" Target="externalLinks/externalLink87.xml"/><Relationship Id="rId2" Type="http://schemas.openxmlformats.org/officeDocument/2006/relationships/worksheet" Target="worksheets/sheet2.xml"/><Relationship Id="rId29" Type="http://schemas.openxmlformats.org/officeDocument/2006/relationships/externalLink" Target="externalLinks/externalLink24.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lockText="1" noThreeD="1"/>
</file>

<file path=xl/ctrlProps/ctrlProp108.xml><?xml version="1.0" encoding="utf-8"?>
<formControlPr xmlns="http://schemas.microsoft.com/office/spreadsheetml/2009/9/main" objectType="CheckBox" checked="Checked"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checked="Checked"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lockText="1" noThreeD="1"/>
</file>

<file path=xl/ctrlProps/ctrlProp121.xml><?xml version="1.0" encoding="utf-8"?>
<formControlPr xmlns="http://schemas.microsoft.com/office/spreadsheetml/2009/9/main" objectType="CheckBox"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lockText="1" noThreeD="1"/>
</file>

<file path=xl/ctrlProps/ctrlProp125.xml><?xml version="1.0" encoding="utf-8"?>
<formControlPr xmlns="http://schemas.microsoft.com/office/spreadsheetml/2009/9/main" objectType="CheckBox"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checked="Checked"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checked="Checked"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checked="Checked"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checked="Checked"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checked="Checked" lockText="1" noThreeD="1"/>
</file>

<file path=xl/ctrlProps/ctrlProp184.xml><?xml version="1.0" encoding="utf-8"?>
<formControlPr xmlns="http://schemas.microsoft.com/office/spreadsheetml/2009/9/main" objectType="CheckBox" checked="Checked"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checked="Checked"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lockText="1" noThreeD="1"/>
</file>

<file path=xl/ctrlProps/ctrlProp206.xml><?xml version="1.0" encoding="utf-8"?>
<formControlPr xmlns="http://schemas.microsoft.com/office/spreadsheetml/2009/9/main" objectType="CheckBox"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checked="Checked"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lockText="1" noThreeD="1"/>
</file>

<file path=xl/ctrlProps/ctrlProp215.xml><?xml version="1.0" encoding="utf-8"?>
<formControlPr xmlns="http://schemas.microsoft.com/office/spreadsheetml/2009/9/main" objectType="CheckBox"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lockText="1" noThreeD="1"/>
</file>

<file path=xl/ctrlProps/ctrlProp218.xml><?xml version="1.0" encoding="utf-8"?>
<formControlPr xmlns="http://schemas.microsoft.com/office/spreadsheetml/2009/9/main" objectType="CheckBox" checked="Checked" lockText="1" noThreeD="1"/>
</file>

<file path=xl/ctrlProps/ctrlProp219.xml><?xml version="1.0" encoding="utf-8"?>
<formControlPr xmlns="http://schemas.microsoft.com/office/spreadsheetml/2009/9/main" objectType="CheckBox" checked="Checked"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checked="Checked" lockText="1" noThreeD="1"/>
</file>

<file path=xl/ctrlProps/ctrlProp221.xml><?xml version="1.0" encoding="utf-8"?>
<formControlPr xmlns="http://schemas.microsoft.com/office/spreadsheetml/2009/9/main" objectType="CheckBox" checked="Checked" lockText="1" noThreeD="1"/>
</file>

<file path=xl/ctrlProps/ctrlProp222.xml><?xml version="1.0" encoding="utf-8"?>
<formControlPr xmlns="http://schemas.microsoft.com/office/spreadsheetml/2009/9/main" objectType="CheckBox" checked="Checked" lockText="1" noThreeD="1"/>
</file>

<file path=xl/ctrlProps/ctrlProp223.xml><?xml version="1.0" encoding="utf-8"?>
<formControlPr xmlns="http://schemas.microsoft.com/office/spreadsheetml/2009/9/main" objectType="CheckBox" checked="Checked" lockText="1" noThreeD="1"/>
</file>

<file path=xl/ctrlProps/ctrlProp224.xml><?xml version="1.0" encoding="utf-8"?>
<formControlPr xmlns="http://schemas.microsoft.com/office/spreadsheetml/2009/9/main" objectType="CheckBox" checked="Checked"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lockText="1" noThreeD="1"/>
</file>

<file path=xl/ctrlProps/ctrlProp231.xml><?xml version="1.0" encoding="utf-8"?>
<formControlPr xmlns="http://schemas.microsoft.com/office/spreadsheetml/2009/9/main" objectType="CheckBox" checked="Checked" lockText="1" noThreeD="1"/>
</file>

<file path=xl/ctrlProps/ctrlProp232.xml><?xml version="1.0" encoding="utf-8"?>
<formControlPr xmlns="http://schemas.microsoft.com/office/spreadsheetml/2009/9/main" objectType="CheckBox" lockText="1" noThreeD="1"/>
</file>

<file path=xl/ctrlProps/ctrlProp233.xml><?xml version="1.0" encoding="utf-8"?>
<formControlPr xmlns="http://schemas.microsoft.com/office/spreadsheetml/2009/9/main" objectType="CheckBox" lockText="1" noThreeD="1"/>
</file>

<file path=xl/ctrlProps/ctrlProp234.xml><?xml version="1.0" encoding="utf-8"?>
<formControlPr xmlns="http://schemas.microsoft.com/office/spreadsheetml/2009/9/main" objectType="CheckBox" lockText="1" noThreeD="1"/>
</file>

<file path=xl/ctrlProps/ctrlProp235.xml><?xml version="1.0" encoding="utf-8"?>
<formControlPr xmlns="http://schemas.microsoft.com/office/spreadsheetml/2009/9/main" objectType="CheckBox" checked="Checked"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checked="Checked" lockText="1" noThreeD="1"/>
</file>

<file path=xl/ctrlProps/ctrlProp238.xml><?xml version="1.0" encoding="utf-8"?>
<formControlPr xmlns="http://schemas.microsoft.com/office/spreadsheetml/2009/9/main" objectType="CheckBox" checked="Checked" lockText="1" noThreeD="1"/>
</file>

<file path=xl/ctrlProps/ctrlProp239.xml><?xml version="1.0" encoding="utf-8"?>
<formControlPr xmlns="http://schemas.microsoft.com/office/spreadsheetml/2009/9/main" objectType="CheckBox" checked="Checked" lockText="1" noThreeD="1"/>
</file>

<file path=xl/ctrlProps/ctrlProp24.xml><?xml version="1.0" encoding="utf-8"?>
<formControlPr xmlns="http://schemas.microsoft.com/office/spreadsheetml/2009/9/main" objectType="CheckBox" lockText="1" noThreeD="1"/>
</file>

<file path=xl/ctrlProps/ctrlProp240.xml><?xml version="1.0" encoding="utf-8"?>
<formControlPr xmlns="http://schemas.microsoft.com/office/spreadsheetml/2009/9/main" objectType="CheckBox" lockText="1" noThreeD="1"/>
</file>

<file path=xl/ctrlProps/ctrlProp241.xml><?xml version="1.0" encoding="utf-8"?>
<formControlPr xmlns="http://schemas.microsoft.com/office/spreadsheetml/2009/9/main" objectType="CheckBox" checked="Checked" lockText="1" noThreeD="1"/>
</file>

<file path=xl/ctrlProps/ctrlProp242.xml><?xml version="1.0" encoding="utf-8"?>
<formControlPr xmlns="http://schemas.microsoft.com/office/spreadsheetml/2009/9/main" objectType="CheckBox" lockText="1" noThreeD="1"/>
</file>

<file path=xl/ctrlProps/ctrlProp243.xml><?xml version="1.0" encoding="utf-8"?>
<formControlPr xmlns="http://schemas.microsoft.com/office/spreadsheetml/2009/9/main" objectType="CheckBox" lockText="1" noThreeD="1"/>
</file>

<file path=xl/ctrlProps/ctrlProp244.xml><?xml version="1.0" encoding="utf-8"?>
<formControlPr xmlns="http://schemas.microsoft.com/office/spreadsheetml/2009/9/main" objectType="CheckBox" lockText="1" noThreeD="1"/>
</file>

<file path=xl/ctrlProps/ctrlProp245.xml><?xml version="1.0" encoding="utf-8"?>
<formControlPr xmlns="http://schemas.microsoft.com/office/spreadsheetml/2009/9/main" objectType="CheckBox" lockText="1" noThreeD="1"/>
</file>

<file path=xl/ctrlProps/ctrlProp246.xml><?xml version="1.0" encoding="utf-8"?>
<formControlPr xmlns="http://schemas.microsoft.com/office/spreadsheetml/2009/9/main" objectType="CheckBox" checked="Checked" lockText="1" noThreeD="1"/>
</file>

<file path=xl/ctrlProps/ctrlProp247.xml><?xml version="1.0" encoding="utf-8"?>
<formControlPr xmlns="http://schemas.microsoft.com/office/spreadsheetml/2009/9/main" objectType="CheckBox"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50.xml><?xml version="1.0" encoding="utf-8"?>
<formControlPr xmlns="http://schemas.microsoft.com/office/spreadsheetml/2009/9/main" objectType="CheckBox" checked="Checked"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checked="Checked"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checked="Checked"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6</xdr:col>
          <xdr:colOff>161925</xdr:colOff>
          <xdr:row>5</xdr:row>
          <xdr:rowOff>152400</xdr:rowOff>
        </xdr:from>
        <xdr:to>
          <xdr:col>38</xdr:col>
          <xdr:colOff>104775</xdr:colOff>
          <xdr:row>7</xdr:row>
          <xdr:rowOff>38100</xdr:rowOff>
        </xdr:to>
        <xdr:sp macro="" textlink="">
          <xdr:nvSpPr>
            <xdr:cNvPr id="17409" name="Check Box 1" hidden="1">
              <a:extLst>
                <a:ext uri="{63B3BB69-23CF-44E3-9099-C40C66FF867C}">
                  <a14:compatExt spid="_x0000_s1740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7</xdr:row>
          <xdr:rowOff>142875</xdr:rowOff>
        </xdr:from>
        <xdr:to>
          <xdr:col>38</xdr:col>
          <xdr:colOff>104775</xdr:colOff>
          <xdr:row>9</xdr:row>
          <xdr:rowOff>28575</xdr:rowOff>
        </xdr:to>
        <xdr:sp macro="" textlink="">
          <xdr:nvSpPr>
            <xdr:cNvPr id="17410" name="Check Box 2" hidden="1">
              <a:extLst>
                <a:ext uri="{63B3BB69-23CF-44E3-9099-C40C66FF867C}">
                  <a14:compatExt spid="_x0000_s1741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8</xdr:row>
          <xdr:rowOff>142875</xdr:rowOff>
        </xdr:from>
        <xdr:to>
          <xdr:col>24</xdr:col>
          <xdr:colOff>114300</xdr:colOff>
          <xdr:row>10</xdr:row>
          <xdr:rowOff>28575</xdr:rowOff>
        </xdr:to>
        <xdr:sp macro="" textlink="">
          <xdr:nvSpPr>
            <xdr:cNvPr id="17411" name="Check Box 3" hidden="1">
              <a:extLst>
                <a:ext uri="{63B3BB69-23CF-44E3-9099-C40C66FF867C}">
                  <a14:compatExt spid="_x0000_s1741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13</xdr:row>
          <xdr:rowOff>152400</xdr:rowOff>
        </xdr:from>
        <xdr:to>
          <xdr:col>28</xdr:col>
          <xdr:colOff>95250</xdr:colOff>
          <xdr:row>15</xdr:row>
          <xdr:rowOff>38100</xdr:rowOff>
        </xdr:to>
        <xdr:sp macro="" textlink="">
          <xdr:nvSpPr>
            <xdr:cNvPr id="17412" name="Check Box 4" hidden="1">
              <a:extLst>
                <a:ext uri="{63B3BB69-23CF-44E3-9099-C40C66FF867C}">
                  <a14:compatExt spid="_x0000_s1741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5</xdr:row>
          <xdr:rowOff>142875</xdr:rowOff>
        </xdr:from>
        <xdr:to>
          <xdr:col>24</xdr:col>
          <xdr:colOff>104775</xdr:colOff>
          <xdr:row>17</xdr:row>
          <xdr:rowOff>28575</xdr:rowOff>
        </xdr:to>
        <xdr:sp macro="" textlink="">
          <xdr:nvSpPr>
            <xdr:cNvPr id="17413" name="Check Box 5" hidden="1">
              <a:extLst>
                <a:ext uri="{63B3BB69-23CF-44E3-9099-C40C66FF867C}">
                  <a14:compatExt spid="_x0000_s1741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6</xdr:row>
          <xdr:rowOff>142875</xdr:rowOff>
        </xdr:from>
        <xdr:to>
          <xdr:col>25</xdr:col>
          <xdr:colOff>114300</xdr:colOff>
          <xdr:row>18</xdr:row>
          <xdr:rowOff>28575</xdr:rowOff>
        </xdr:to>
        <xdr:sp macro="" textlink="">
          <xdr:nvSpPr>
            <xdr:cNvPr id="17414" name="Check Box 6" hidden="1">
              <a:extLst>
                <a:ext uri="{63B3BB69-23CF-44E3-9099-C40C66FF867C}">
                  <a14:compatExt spid="_x0000_s1741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52400</xdr:colOff>
          <xdr:row>16</xdr:row>
          <xdr:rowOff>142875</xdr:rowOff>
        </xdr:from>
        <xdr:to>
          <xdr:col>32</xdr:col>
          <xdr:colOff>95250</xdr:colOff>
          <xdr:row>18</xdr:row>
          <xdr:rowOff>28575</xdr:rowOff>
        </xdr:to>
        <xdr:sp macro="" textlink="">
          <xdr:nvSpPr>
            <xdr:cNvPr id="17415" name="Check Box 7" hidden="1">
              <a:extLst>
                <a:ext uri="{63B3BB69-23CF-44E3-9099-C40C66FF867C}">
                  <a14:compatExt spid="_x0000_s1741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16</xdr:row>
          <xdr:rowOff>152400</xdr:rowOff>
        </xdr:from>
        <xdr:to>
          <xdr:col>44</xdr:col>
          <xdr:colOff>104775</xdr:colOff>
          <xdr:row>18</xdr:row>
          <xdr:rowOff>38100</xdr:rowOff>
        </xdr:to>
        <xdr:sp macro="" textlink="">
          <xdr:nvSpPr>
            <xdr:cNvPr id="17416" name="Check Box 8" hidden="1">
              <a:extLst>
                <a:ext uri="{63B3BB69-23CF-44E3-9099-C40C66FF867C}">
                  <a14:compatExt spid="_x0000_s1741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0</xdr:col>
          <xdr:colOff>171450</xdr:colOff>
          <xdr:row>16</xdr:row>
          <xdr:rowOff>152400</xdr:rowOff>
        </xdr:from>
        <xdr:to>
          <xdr:col>52</xdr:col>
          <xdr:colOff>114300</xdr:colOff>
          <xdr:row>18</xdr:row>
          <xdr:rowOff>38100</xdr:rowOff>
        </xdr:to>
        <xdr:sp macro="" textlink="">
          <xdr:nvSpPr>
            <xdr:cNvPr id="17417" name="Check Box 9" hidden="1">
              <a:extLst>
                <a:ext uri="{63B3BB69-23CF-44E3-9099-C40C66FF867C}">
                  <a14:compatExt spid="_x0000_s1741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17</xdr:row>
          <xdr:rowOff>152400</xdr:rowOff>
        </xdr:from>
        <xdr:to>
          <xdr:col>25</xdr:col>
          <xdr:colOff>123825</xdr:colOff>
          <xdr:row>19</xdr:row>
          <xdr:rowOff>38100</xdr:rowOff>
        </xdr:to>
        <xdr:sp macro="" textlink="">
          <xdr:nvSpPr>
            <xdr:cNvPr id="17418" name="Check Box 10" hidden="1">
              <a:extLst>
                <a:ext uri="{63B3BB69-23CF-44E3-9099-C40C66FF867C}">
                  <a14:compatExt spid="_x0000_s1741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8</xdr:row>
          <xdr:rowOff>152400</xdr:rowOff>
        </xdr:from>
        <xdr:to>
          <xdr:col>24</xdr:col>
          <xdr:colOff>104775</xdr:colOff>
          <xdr:row>20</xdr:row>
          <xdr:rowOff>38100</xdr:rowOff>
        </xdr:to>
        <xdr:sp macro="" textlink="">
          <xdr:nvSpPr>
            <xdr:cNvPr id="17419" name="Check Box 11" hidden="1">
              <a:extLst>
                <a:ext uri="{63B3BB69-23CF-44E3-9099-C40C66FF867C}">
                  <a14:compatExt spid="_x0000_s1741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18</xdr:row>
          <xdr:rowOff>142875</xdr:rowOff>
        </xdr:from>
        <xdr:to>
          <xdr:col>40</xdr:col>
          <xdr:colOff>95250</xdr:colOff>
          <xdr:row>20</xdr:row>
          <xdr:rowOff>28575</xdr:rowOff>
        </xdr:to>
        <xdr:sp macro="" textlink="">
          <xdr:nvSpPr>
            <xdr:cNvPr id="17420" name="Check Box 12" hidden="1">
              <a:extLst>
                <a:ext uri="{63B3BB69-23CF-44E3-9099-C40C66FF867C}">
                  <a14:compatExt spid="_x0000_s1742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9</xdr:row>
          <xdr:rowOff>142875</xdr:rowOff>
        </xdr:from>
        <xdr:to>
          <xdr:col>24</xdr:col>
          <xdr:colOff>104775</xdr:colOff>
          <xdr:row>21</xdr:row>
          <xdr:rowOff>28575</xdr:rowOff>
        </xdr:to>
        <xdr:sp macro="" textlink="">
          <xdr:nvSpPr>
            <xdr:cNvPr id="17421" name="Check Box 13" hidden="1">
              <a:extLst>
                <a:ext uri="{63B3BB69-23CF-44E3-9099-C40C66FF867C}">
                  <a14:compatExt spid="_x0000_s1742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1</xdr:row>
          <xdr:rowOff>142875</xdr:rowOff>
        </xdr:from>
        <xdr:to>
          <xdr:col>24</xdr:col>
          <xdr:colOff>114300</xdr:colOff>
          <xdr:row>23</xdr:row>
          <xdr:rowOff>28575</xdr:rowOff>
        </xdr:to>
        <xdr:sp macro="" textlink="">
          <xdr:nvSpPr>
            <xdr:cNvPr id="17422" name="Check Box 14" hidden="1">
              <a:extLst>
                <a:ext uri="{63B3BB69-23CF-44E3-9099-C40C66FF867C}">
                  <a14:compatExt spid="_x0000_s1742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61925</xdr:colOff>
          <xdr:row>24</xdr:row>
          <xdr:rowOff>142875</xdr:rowOff>
        </xdr:from>
        <xdr:to>
          <xdr:col>32</xdr:col>
          <xdr:colOff>104775</xdr:colOff>
          <xdr:row>26</xdr:row>
          <xdr:rowOff>28575</xdr:rowOff>
        </xdr:to>
        <xdr:sp macro="" textlink="">
          <xdr:nvSpPr>
            <xdr:cNvPr id="17423" name="Check Box 15" hidden="1">
              <a:extLst>
                <a:ext uri="{63B3BB69-23CF-44E3-9099-C40C66FF867C}">
                  <a14:compatExt spid="_x0000_s1742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71450</xdr:colOff>
          <xdr:row>23</xdr:row>
          <xdr:rowOff>152400</xdr:rowOff>
        </xdr:from>
        <xdr:to>
          <xdr:col>32</xdr:col>
          <xdr:colOff>114300</xdr:colOff>
          <xdr:row>25</xdr:row>
          <xdr:rowOff>38100</xdr:rowOff>
        </xdr:to>
        <xdr:sp macro="" textlink="">
          <xdr:nvSpPr>
            <xdr:cNvPr id="17424" name="Check Box 16" hidden="1">
              <a:extLst>
                <a:ext uri="{63B3BB69-23CF-44E3-9099-C40C66FF867C}">
                  <a14:compatExt spid="_x0000_s1742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23</xdr:row>
          <xdr:rowOff>152400</xdr:rowOff>
        </xdr:from>
        <xdr:to>
          <xdr:col>37</xdr:col>
          <xdr:colOff>104775</xdr:colOff>
          <xdr:row>25</xdr:row>
          <xdr:rowOff>38100</xdr:rowOff>
        </xdr:to>
        <xdr:sp macro="" textlink="">
          <xdr:nvSpPr>
            <xdr:cNvPr id="17425" name="Check Box 17" hidden="1">
              <a:extLst>
                <a:ext uri="{63B3BB69-23CF-44E3-9099-C40C66FF867C}">
                  <a14:compatExt spid="_x0000_s1742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23</xdr:row>
          <xdr:rowOff>152400</xdr:rowOff>
        </xdr:from>
        <xdr:to>
          <xdr:col>46</xdr:col>
          <xdr:colOff>95250</xdr:colOff>
          <xdr:row>25</xdr:row>
          <xdr:rowOff>38100</xdr:rowOff>
        </xdr:to>
        <xdr:sp macro="" textlink="">
          <xdr:nvSpPr>
            <xdr:cNvPr id="17426" name="Check Box 18" hidden="1">
              <a:extLst>
                <a:ext uri="{63B3BB69-23CF-44E3-9099-C40C66FF867C}">
                  <a14:compatExt spid="_x0000_s1742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25</xdr:row>
          <xdr:rowOff>152400</xdr:rowOff>
        </xdr:from>
        <xdr:to>
          <xdr:col>30</xdr:col>
          <xdr:colOff>104775</xdr:colOff>
          <xdr:row>27</xdr:row>
          <xdr:rowOff>38100</xdr:rowOff>
        </xdr:to>
        <xdr:sp macro="" textlink="">
          <xdr:nvSpPr>
            <xdr:cNvPr id="17427" name="Check Box 19" hidden="1">
              <a:extLst>
                <a:ext uri="{63B3BB69-23CF-44E3-9099-C40C66FF867C}">
                  <a14:compatExt spid="_x0000_s1742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25</xdr:row>
          <xdr:rowOff>142875</xdr:rowOff>
        </xdr:from>
        <xdr:to>
          <xdr:col>35</xdr:col>
          <xdr:colOff>104775</xdr:colOff>
          <xdr:row>27</xdr:row>
          <xdr:rowOff>28575</xdr:rowOff>
        </xdr:to>
        <xdr:sp macro="" textlink="">
          <xdr:nvSpPr>
            <xdr:cNvPr id="17428" name="Check Box 20" hidden="1">
              <a:extLst>
                <a:ext uri="{63B3BB69-23CF-44E3-9099-C40C66FF867C}">
                  <a14:compatExt spid="_x0000_s1742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25</xdr:row>
          <xdr:rowOff>133350</xdr:rowOff>
        </xdr:from>
        <xdr:to>
          <xdr:col>40</xdr:col>
          <xdr:colOff>95250</xdr:colOff>
          <xdr:row>27</xdr:row>
          <xdr:rowOff>19050</xdr:rowOff>
        </xdr:to>
        <xdr:sp macro="" textlink="">
          <xdr:nvSpPr>
            <xdr:cNvPr id="17429" name="Check Box 21" hidden="1">
              <a:extLst>
                <a:ext uri="{63B3BB69-23CF-44E3-9099-C40C66FF867C}">
                  <a14:compatExt spid="_x0000_s1742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25</xdr:row>
          <xdr:rowOff>142875</xdr:rowOff>
        </xdr:from>
        <xdr:to>
          <xdr:col>57</xdr:col>
          <xdr:colOff>95250</xdr:colOff>
          <xdr:row>27</xdr:row>
          <xdr:rowOff>28575</xdr:rowOff>
        </xdr:to>
        <xdr:sp macro="" textlink="">
          <xdr:nvSpPr>
            <xdr:cNvPr id="17430" name="Check Box 22" hidden="1">
              <a:extLst>
                <a:ext uri="{63B3BB69-23CF-44E3-9099-C40C66FF867C}">
                  <a14:compatExt spid="_x0000_s1743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31</xdr:row>
          <xdr:rowOff>152400</xdr:rowOff>
        </xdr:from>
        <xdr:to>
          <xdr:col>8</xdr:col>
          <xdr:colOff>95250</xdr:colOff>
          <xdr:row>33</xdr:row>
          <xdr:rowOff>38100</xdr:rowOff>
        </xdr:to>
        <xdr:sp macro="" textlink="">
          <xdr:nvSpPr>
            <xdr:cNvPr id="17431" name="Check Box 23" hidden="1">
              <a:extLst>
                <a:ext uri="{63B3BB69-23CF-44E3-9099-C40C66FF867C}">
                  <a14:compatExt spid="_x0000_s1743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1</xdr:row>
          <xdr:rowOff>152400</xdr:rowOff>
        </xdr:from>
        <xdr:to>
          <xdr:col>24</xdr:col>
          <xdr:colOff>104775</xdr:colOff>
          <xdr:row>33</xdr:row>
          <xdr:rowOff>38100</xdr:rowOff>
        </xdr:to>
        <xdr:sp macro="" textlink="">
          <xdr:nvSpPr>
            <xdr:cNvPr id="17432" name="Check Box 24" hidden="1">
              <a:extLst>
                <a:ext uri="{63B3BB69-23CF-44E3-9099-C40C66FF867C}">
                  <a14:compatExt spid="_x0000_s1743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32</xdr:row>
          <xdr:rowOff>152400</xdr:rowOff>
        </xdr:from>
        <xdr:to>
          <xdr:col>25</xdr:col>
          <xdr:colOff>114300</xdr:colOff>
          <xdr:row>34</xdr:row>
          <xdr:rowOff>38100</xdr:rowOff>
        </xdr:to>
        <xdr:sp macro="" textlink="">
          <xdr:nvSpPr>
            <xdr:cNvPr id="17433" name="Check Box 25" hidden="1">
              <a:extLst>
                <a:ext uri="{63B3BB69-23CF-44E3-9099-C40C66FF867C}">
                  <a14:compatExt spid="_x0000_s1743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32</xdr:row>
          <xdr:rowOff>152400</xdr:rowOff>
        </xdr:from>
        <xdr:to>
          <xdr:col>29</xdr:col>
          <xdr:colOff>95250</xdr:colOff>
          <xdr:row>34</xdr:row>
          <xdr:rowOff>38100</xdr:rowOff>
        </xdr:to>
        <xdr:sp macro="" textlink="">
          <xdr:nvSpPr>
            <xdr:cNvPr id="17434" name="Check Box 26" hidden="1">
              <a:extLst>
                <a:ext uri="{63B3BB69-23CF-44E3-9099-C40C66FF867C}">
                  <a14:compatExt spid="_x0000_s1743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32</xdr:row>
          <xdr:rowOff>142875</xdr:rowOff>
        </xdr:from>
        <xdr:to>
          <xdr:col>33</xdr:col>
          <xdr:colOff>95250</xdr:colOff>
          <xdr:row>34</xdr:row>
          <xdr:rowOff>28575</xdr:rowOff>
        </xdr:to>
        <xdr:sp macro="" textlink="">
          <xdr:nvSpPr>
            <xdr:cNvPr id="17435" name="Check Box 27" hidden="1">
              <a:extLst>
                <a:ext uri="{63B3BB69-23CF-44E3-9099-C40C66FF867C}">
                  <a14:compatExt spid="_x0000_s1743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32</xdr:row>
          <xdr:rowOff>142875</xdr:rowOff>
        </xdr:from>
        <xdr:to>
          <xdr:col>37</xdr:col>
          <xdr:colOff>95250</xdr:colOff>
          <xdr:row>34</xdr:row>
          <xdr:rowOff>28575</xdr:rowOff>
        </xdr:to>
        <xdr:sp macro="" textlink="">
          <xdr:nvSpPr>
            <xdr:cNvPr id="17436" name="Check Box 28" hidden="1">
              <a:extLst>
                <a:ext uri="{63B3BB69-23CF-44E3-9099-C40C66FF867C}">
                  <a14:compatExt spid="_x0000_s1743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32</xdr:row>
          <xdr:rowOff>152400</xdr:rowOff>
        </xdr:from>
        <xdr:to>
          <xdr:col>41</xdr:col>
          <xdr:colOff>95250</xdr:colOff>
          <xdr:row>34</xdr:row>
          <xdr:rowOff>38100</xdr:rowOff>
        </xdr:to>
        <xdr:sp macro="" textlink="">
          <xdr:nvSpPr>
            <xdr:cNvPr id="17437" name="Check Box 29" hidden="1">
              <a:extLst>
                <a:ext uri="{63B3BB69-23CF-44E3-9099-C40C66FF867C}">
                  <a14:compatExt spid="_x0000_s1743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32</xdr:row>
          <xdr:rowOff>142875</xdr:rowOff>
        </xdr:from>
        <xdr:to>
          <xdr:col>46</xdr:col>
          <xdr:colOff>95250</xdr:colOff>
          <xdr:row>34</xdr:row>
          <xdr:rowOff>28575</xdr:rowOff>
        </xdr:to>
        <xdr:sp macro="" textlink="">
          <xdr:nvSpPr>
            <xdr:cNvPr id="17438" name="Check Box 30" hidden="1">
              <a:extLst>
                <a:ext uri="{63B3BB69-23CF-44E3-9099-C40C66FF867C}">
                  <a14:compatExt spid="_x0000_s1743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3</xdr:row>
          <xdr:rowOff>142875</xdr:rowOff>
        </xdr:from>
        <xdr:to>
          <xdr:col>24</xdr:col>
          <xdr:colOff>104775</xdr:colOff>
          <xdr:row>35</xdr:row>
          <xdr:rowOff>28575</xdr:rowOff>
        </xdr:to>
        <xdr:sp macro="" textlink="">
          <xdr:nvSpPr>
            <xdr:cNvPr id="17439" name="Check Box 31" hidden="1">
              <a:extLst>
                <a:ext uri="{63B3BB69-23CF-44E3-9099-C40C66FF867C}">
                  <a14:compatExt spid="_x0000_s1743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4</xdr:row>
          <xdr:rowOff>142875</xdr:rowOff>
        </xdr:from>
        <xdr:to>
          <xdr:col>25</xdr:col>
          <xdr:colOff>104775</xdr:colOff>
          <xdr:row>36</xdr:row>
          <xdr:rowOff>28575</xdr:rowOff>
        </xdr:to>
        <xdr:sp macro="" textlink="">
          <xdr:nvSpPr>
            <xdr:cNvPr id="17440" name="Check Box 32" hidden="1">
              <a:extLst>
                <a:ext uri="{63B3BB69-23CF-44E3-9099-C40C66FF867C}">
                  <a14:compatExt spid="_x0000_s1744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61925</xdr:colOff>
          <xdr:row>34</xdr:row>
          <xdr:rowOff>142875</xdr:rowOff>
        </xdr:from>
        <xdr:to>
          <xdr:col>39</xdr:col>
          <xdr:colOff>104775</xdr:colOff>
          <xdr:row>36</xdr:row>
          <xdr:rowOff>28575</xdr:rowOff>
        </xdr:to>
        <xdr:sp macro="" textlink="">
          <xdr:nvSpPr>
            <xdr:cNvPr id="17441" name="Check Box 33" hidden="1">
              <a:extLst>
                <a:ext uri="{63B3BB69-23CF-44E3-9099-C40C66FF867C}">
                  <a14:compatExt spid="_x0000_s1744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34</xdr:row>
          <xdr:rowOff>142875</xdr:rowOff>
        </xdr:from>
        <xdr:to>
          <xdr:col>57</xdr:col>
          <xdr:colOff>95250</xdr:colOff>
          <xdr:row>36</xdr:row>
          <xdr:rowOff>28575</xdr:rowOff>
        </xdr:to>
        <xdr:sp macro="" textlink="">
          <xdr:nvSpPr>
            <xdr:cNvPr id="17442" name="Check Box 34" hidden="1">
              <a:extLst>
                <a:ext uri="{63B3BB69-23CF-44E3-9099-C40C66FF867C}">
                  <a14:compatExt spid="_x0000_s1744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5</xdr:row>
          <xdr:rowOff>161925</xdr:rowOff>
        </xdr:from>
        <xdr:to>
          <xdr:col>8</xdr:col>
          <xdr:colOff>104775</xdr:colOff>
          <xdr:row>37</xdr:row>
          <xdr:rowOff>47625</xdr:rowOff>
        </xdr:to>
        <xdr:sp macro="" textlink="">
          <xdr:nvSpPr>
            <xdr:cNvPr id="17443" name="Check Box 35" hidden="1">
              <a:extLst>
                <a:ext uri="{63B3BB69-23CF-44E3-9099-C40C66FF867C}">
                  <a14:compatExt spid="_x0000_s1744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5</xdr:row>
          <xdr:rowOff>142875</xdr:rowOff>
        </xdr:from>
        <xdr:to>
          <xdr:col>24</xdr:col>
          <xdr:colOff>104775</xdr:colOff>
          <xdr:row>37</xdr:row>
          <xdr:rowOff>28575</xdr:rowOff>
        </xdr:to>
        <xdr:sp macro="" textlink="">
          <xdr:nvSpPr>
            <xdr:cNvPr id="17444" name="Check Box 36" hidden="1">
              <a:extLst>
                <a:ext uri="{63B3BB69-23CF-44E3-9099-C40C66FF867C}">
                  <a14:compatExt spid="_x0000_s1744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6</xdr:row>
          <xdr:rowOff>142875</xdr:rowOff>
        </xdr:from>
        <xdr:to>
          <xdr:col>25</xdr:col>
          <xdr:colOff>104775</xdr:colOff>
          <xdr:row>38</xdr:row>
          <xdr:rowOff>28575</xdr:rowOff>
        </xdr:to>
        <xdr:sp macro="" textlink="">
          <xdr:nvSpPr>
            <xdr:cNvPr id="17445" name="Check Box 37" hidden="1">
              <a:extLst>
                <a:ext uri="{63B3BB69-23CF-44E3-9099-C40C66FF867C}">
                  <a14:compatExt spid="_x0000_s1744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52400</xdr:colOff>
          <xdr:row>36</xdr:row>
          <xdr:rowOff>152400</xdr:rowOff>
        </xdr:from>
        <xdr:to>
          <xdr:col>30</xdr:col>
          <xdr:colOff>95250</xdr:colOff>
          <xdr:row>38</xdr:row>
          <xdr:rowOff>38100</xdr:rowOff>
        </xdr:to>
        <xdr:sp macro="" textlink="">
          <xdr:nvSpPr>
            <xdr:cNvPr id="17446" name="Check Box 38" hidden="1">
              <a:extLst>
                <a:ext uri="{63B3BB69-23CF-44E3-9099-C40C66FF867C}">
                  <a14:compatExt spid="_x0000_s1744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36</xdr:row>
          <xdr:rowOff>152400</xdr:rowOff>
        </xdr:from>
        <xdr:to>
          <xdr:col>35</xdr:col>
          <xdr:colOff>104775</xdr:colOff>
          <xdr:row>38</xdr:row>
          <xdr:rowOff>38100</xdr:rowOff>
        </xdr:to>
        <xdr:sp macro="" textlink="">
          <xdr:nvSpPr>
            <xdr:cNvPr id="17447" name="Check Box 39" hidden="1">
              <a:extLst>
                <a:ext uri="{63B3BB69-23CF-44E3-9099-C40C66FF867C}">
                  <a14:compatExt spid="_x0000_s1744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36</xdr:row>
          <xdr:rowOff>161925</xdr:rowOff>
        </xdr:from>
        <xdr:to>
          <xdr:col>40</xdr:col>
          <xdr:colOff>95250</xdr:colOff>
          <xdr:row>38</xdr:row>
          <xdr:rowOff>47625</xdr:rowOff>
        </xdr:to>
        <xdr:sp macro="" textlink="">
          <xdr:nvSpPr>
            <xdr:cNvPr id="17448" name="Check Box 40" hidden="1">
              <a:extLst>
                <a:ext uri="{63B3BB69-23CF-44E3-9099-C40C66FF867C}">
                  <a14:compatExt spid="_x0000_s1744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52400</xdr:colOff>
          <xdr:row>36</xdr:row>
          <xdr:rowOff>152400</xdr:rowOff>
        </xdr:from>
        <xdr:to>
          <xdr:col>51</xdr:col>
          <xdr:colOff>95250</xdr:colOff>
          <xdr:row>38</xdr:row>
          <xdr:rowOff>38100</xdr:rowOff>
        </xdr:to>
        <xdr:sp macro="" textlink="">
          <xdr:nvSpPr>
            <xdr:cNvPr id="17449" name="Check Box 41" hidden="1">
              <a:extLst>
                <a:ext uri="{63B3BB69-23CF-44E3-9099-C40C66FF867C}">
                  <a14:compatExt spid="_x0000_s1744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7</xdr:row>
          <xdr:rowOff>142875</xdr:rowOff>
        </xdr:from>
        <xdr:to>
          <xdr:col>25</xdr:col>
          <xdr:colOff>104775</xdr:colOff>
          <xdr:row>39</xdr:row>
          <xdr:rowOff>28575</xdr:rowOff>
        </xdr:to>
        <xdr:sp macro="" textlink="">
          <xdr:nvSpPr>
            <xdr:cNvPr id="17450" name="Check Box 42" hidden="1">
              <a:extLst>
                <a:ext uri="{63B3BB69-23CF-44E3-9099-C40C66FF867C}">
                  <a14:compatExt spid="_x0000_s1745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37</xdr:row>
          <xdr:rowOff>142875</xdr:rowOff>
        </xdr:from>
        <xdr:to>
          <xdr:col>34</xdr:col>
          <xdr:colOff>104775</xdr:colOff>
          <xdr:row>39</xdr:row>
          <xdr:rowOff>28575</xdr:rowOff>
        </xdr:to>
        <xdr:sp macro="" textlink="">
          <xdr:nvSpPr>
            <xdr:cNvPr id="17451" name="Check Box 43" hidden="1">
              <a:extLst>
                <a:ext uri="{63B3BB69-23CF-44E3-9099-C40C66FF867C}">
                  <a14:compatExt spid="_x0000_s1745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7</xdr:row>
          <xdr:rowOff>142875</xdr:rowOff>
        </xdr:from>
        <xdr:to>
          <xdr:col>57</xdr:col>
          <xdr:colOff>104775</xdr:colOff>
          <xdr:row>39</xdr:row>
          <xdr:rowOff>28575</xdr:rowOff>
        </xdr:to>
        <xdr:sp macro="" textlink="">
          <xdr:nvSpPr>
            <xdr:cNvPr id="17452" name="Check Box 44" hidden="1">
              <a:extLst>
                <a:ext uri="{63B3BB69-23CF-44E3-9099-C40C66FF867C}">
                  <a14:compatExt spid="_x0000_s1745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9</xdr:row>
          <xdr:rowOff>152400</xdr:rowOff>
        </xdr:from>
        <xdr:to>
          <xdr:col>25</xdr:col>
          <xdr:colOff>104775</xdr:colOff>
          <xdr:row>41</xdr:row>
          <xdr:rowOff>38100</xdr:rowOff>
        </xdr:to>
        <xdr:sp macro="" textlink="">
          <xdr:nvSpPr>
            <xdr:cNvPr id="17453" name="Check Box 45" hidden="1">
              <a:extLst>
                <a:ext uri="{63B3BB69-23CF-44E3-9099-C40C66FF867C}">
                  <a14:compatExt spid="_x0000_s1745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39</xdr:row>
          <xdr:rowOff>142875</xdr:rowOff>
        </xdr:from>
        <xdr:to>
          <xdr:col>31</xdr:col>
          <xdr:colOff>95250</xdr:colOff>
          <xdr:row>41</xdr:row>
          <xdr:rowOff>28575</xdr:rowOff>
        </xdr:to>
        <xdr:sp macro="" textlink="">
          <xdr:nvSpPr>
            <xdr:cNvPr id="17454" name="Check Box 46" hidden="1">
              <a:extLst>
                <a:ext uri="{63B3BB69-23CF-44E3-9099-C40C66FF867C}">
                  <a14:compatExt spid="_x0000_s1745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9</xdr:row>
          <xdr:rowOff>142875</xdr:rowOff>
        </xdr:from>
        <xdr:to>
          <xdr:col>57</xdr:col>
          <xdr:colOff>104775</xdr:colOff>
          <xdr:row>41</xdr:row>
          <xdr:rowOff>28575</xdr:rowOff>
        </xdr:to>
        <xdr:sp macro="" textlink="">
          <xdr:nvSpPr>
            <xdr:cNvPr id="17455" name="Check Box 47" hidden="1">
              <a:extLst>
                <a:ext uri="{63B3BB69-23CF-44E3-9099-C40C66FF867C}">
                  <a14:compatExt spid="_x0000_s1745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8</xdr:row>
          <xdr:rowOff>152400</xdr:rowOff>
        </xdr:from>
        <xdr:to>
          <xdr:col>24</xdr:col>
          <xdr:colOff>114300</xdr:colOff>
          <xdr:row>40</xdr:row>
          <xdr:rowOff>38100</xdr:rowOff>
        </xdr:to>
        <xdr:sp macro="" textlink="">
          <xdr:nvSpPr>
            <xdr:cNvPr id="17456" name="Check Box 48" hidden="1">
              <a:extLst>
                <a:ext uri="{63B3BB69-23CF-44E3-9099-C40C66FF867C}">
                  <a14:compatExt spid="_x0000_s1745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0</xdr:row>
          <xdr:rowOff>142875</xdr:rowOff>
        </xdr:from>
        <xdr:to>
          <xdr:col>8</xdr:col>
          <xdr:colOff>104775</xdr:colOff>
          <xdr:row>42</xdr:row>
          <xdr:rowOff>28575</xdr:rowOff>
        </xdr:to>
        <xdr:sp macro="" textlink="">
          <xdr:nvSpPr>
            <xdr:cNvPr id="17457" name="Check Box 49" hidden="1">
              <a:extLst>
                <a:ext uri="{63B3BB69-23CF-44E3-9099-C40C66FF867C}">
                  <a14:compatExt spid="_x0000_s1745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0</xdr:row>
          <xdr:rowOff>142875</xdr:rowOff>
        </xdr:from>
        <xdr:to>
          <xdr:col>24</xdr:col>
          <xdr:colOff>104775</xdr:colOff>
          <xdr:row>42</xdr:row>
          <xdr:rowOff>28575</xdr:rowOff>
        </xdr:to>
        <xdr:sp macro="" textlink="">
          <xdr:nvSpPr>
            <xdr:cNvPr id="17458" name="Check Box 50" hidden="1">
              <a:extLst>
                <a:ext uri="{63B3BB69-23CF-44E3-9099-C40C66FF867C}">
                  <a14:compatExt spid="_x0000_s1745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4</xdr:row>
          <xdr:rowOff>9525</xdr:rowOff>
        </xdr:from>
        <xdr:to>
          <xdr:col>24</xdr:col>
          <xdr:colOff>104775</xdr:colOff>
          <xdr:row>45</xdr:row>
          <xdr:rowOff>28575</xdr:rowOff>
        </xdr:to>
        <xdr:sp macro="" textlink="">
          <xdr:nvSpPr>
            <xdr:cNvPr id="17459" name="Check Box 51" hidden="1">
              <a:extLst>
                <a:ext uri="{63B3BB69-23CF-44E3-9099-C40C66FF867C}">
                  <a14:compatExt spid="_x0000_s1745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45</xdr:row>
          <xdr:rowOff>0</xdr:rowOff>
        </xdr:from>
        <xdr:to>
          <xdr:col>25</xdr:col>
          <xdr:colOff>95250</xdr:colOff>
          <xdr:row>46</xdr:row>
          <xdr:rowOff>38100</xdr:rowOff>
        </xdr:to>
        <xdr:sp macro="" textlink="">
          <xdr:nvSpPr>
            <xdr:cNvPr id="17460" name="Check Box 52" hidden="1">
              <a:extLst>
                <a:ext uri="{63B3BB69-23CF-44E3-9099-C40C66FF867C}">
                  <a14:compatExt spid="_x0000_s1746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45</xdr:row>
          <xdr:rowOff>142875</xdr:rowOff>
        </xdr:from>
        <xdr:to>
          <xdr:col>24</xdr:col>
          <xdr:colOff>114300</xdr:colOff>
          <xdr:row>47</xdr:row>
          <xdr:rowOff>28575</xdr:rowOff>
        </xdr:to>
        <xdr:sp macro="" textlink="">
          <xdr:nvSpPr>
            <xdr:cNvPr id="17461" name="Check Box 53" hidden="1">
              <a:extLst>
                <a:ext uri="{63B3BB69-23CF-44E3-9099-C40C66FF867C}">
                  <a14:compatExt spid="_x0000_s1746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6</xdr:row>
          <xdr:rowOff>152400</xdr:rowOff>
        </xdr:from>
        <xdr:to>
          <xdr:col>25</xdr:col>
          <xdr:colOff>114300</xdr:colOff>
          <xdr:row>48</xdr:row>
          <xdr:rowOff>38100</xdr:rowOff>
        </xdr:to>
        <xdr:sp macro="" textlink="">
          <xdr:nvSpPr>
            <xdr:cNvPr id="17462" name="Check Box 54" hidden="1">
              <a:extLst>
                <a:ext uri="{63B3BB69-23CF-44E3-9099-C40C66FF867C}">
                  <a14:compatExt spid="_x0000_s1746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6</xdr:row>
          <xdr:rowOff>133350</xdr:rowOff>
        </xdr:from>
        <xdr:to>
          <xdr:col>31</xdr:col>
          <xdr:colOff>95250</xdr:colOff>
          <xdr:row>48</xdr:row>
          <xdr:rowOff>38100</xdr:rowOff>
        </xdr:to>
        <xdr:sp macro="" textlink="">
          <xdr:nvSpPr>
            <xdr:cNvPr id="17463" name="Check Box 55" hidden="1">
              <a:extLst>
                <a:ext uri="{63B3BB69-23CF-44E3-9099-C40C66FF867C}">
                  <a14:compatExt spid="_x0000_s1746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5</xdr:row>
          <xdr:rowOff>0</xdr:rowOff>
        </xdr:from>
        <xdr:to>
          <xdr:col>31</xdr:col>
          <xdr:colOff>95250</xdr:colOff>
          <xdr:row>46</xdr:row>
          <xdr:rowOff>38100</xdr:rowOff>
        </xdr:to>
        <xdr:sp macro="" textlink="">
          <xdr:nvSpPr>
            <xdr:cNvPr id="17464" name="Check Box 56" hidden="1">
              <a:extLst>
                <a:ext uri="{63B3BB69-23CF-44E3-9099-C40C66FF867C}">
                  <a14:compatExt spid="_x0000_s1746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61925</xdr:colOff>
          <xdr:row>46</xdr:row>
          <xdr:rowOff>142875</xdr:rowOff>
        </xdr:from>
        <xdr:to>
          <xdr:col>51</xdr:col>
          <xdr:colOff>104775</xdr:colOff>
          <xdr:row>48</xdr:row>
          <xdr:rowOff>28575</xdr:rowOff>
        </xdr:to>
        <xdr:sp macro="" textlink="">
          <xdr:nvSpPr>
            <xdr:cNvPr id="17465" name="Check Box 57" hidden="1">
              <a:extLst>
                <a:ext uri="{63B3BB69-23CF-44E3-9099-C40C66FF867C}">
                  <a14:compatExt spid="_x0000_s1746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46</xdr:row>
          <xdr:rowOff>152400</xdr:rowOff>
        </xdr:from>
        <xdr:to>
          <xdr:col>56</xdr:col>
          <xdr:colOff>95250</xdr:colOff>
          <xdr:row>48</xdr:row>
          <xdr:rowOff>38100</xdr:rowOff>
        </xdr:to>
        <xdr:sp macro="" textlink="">
          <xdr:nvSpPr>
            <xdr:cNvPr id="17466" name="Check Box 58" hidden="1">
              <a:extLst>
                <a:ext uri="{63B3BB69-23CF-44E3-9099-C40C66FF867C}">
                  <a14:compatExt spid="_x0000_s1746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7</xdr:row>
          <xdr:rowOff>142875</xdr:rowOff>
        </xdr:from>
        <xdr:to>
          <xdr:col>25</xdr:col>
          <xdr:colOff>114300</xdr:colOff>
          <xdr:row>49</xdr:row>
          <xdr:rowOff>28575</xdr:rowOff>
        </xdr:to>
        <xdr:sp macro="" textlink="">
          <xdr:nvSpPr>
            <xdr:cNvPr id="17467" name="Check Box 59" hidden="1">
              <a:extLst>
                <a:ext uri="{63B3BB69-23CF-44E3-9099-C40C66FF867C}">
                  <a14:compatExt spid="_x0000_s1746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8</xdr:row>
          <xdr:rowOff>142875</xdr:rowOff>
        </xdr:from>
        <xdr:to>
          <xdr:col>25</xdr:col>
          <xdr:colOff>114300</xdr:colOff>
          <xdr:row>50</xdr:row>
          <xdr:rowOff>28575</xdr:rowOff>
        </xdr:to>
        <xdr:sp macro="" textlink="">
          <xdr:nvSpPr>
            <xdr:cNvPr id="17468" name="Check Box 60" hidden="1">
              <a:extLst>
                <a:ext uri="{63B3BB69-23CF-44E3-9099-C40C66FF867C}">
                  <a14:compatExt spid="_x0000_s1746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1</xdr:row>
          <xdr:rowOff>142875</xdr:rowOff>
        </xdr:from>
        <xdr:to>
          <xdr:col>8</xdr:col>
          <xdr:colOff>114300</xdr:colOff>
          <xdr:row>53</xdr:row>
          <xdr:rowOff>28575</xdr:rowOff>
        </xdr:to>
        <xdr:sp macro="" textlink="">
          <xdr:nvSpPr>
            <xdr:cNvPr id="17469" name="Check Box 61" hidden="1">
              <a:extLst>
                <a:ext uri="{63B3BB69-23CF-44E3-9099-C40C66FF867C}">
                  <a14:compatExt spid="_x0000_s1746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61925</xdr:colOff>
          <xdr:row>53</xdr:row>
          <xdr:rowOff>133350</xdr:rowOff>
        </xdr:from>
        <xdr:to>
          <xdr:col>33</xdr:col>
          <xdr:colOff>104775</xdr:colOff>
          <xdr:row>55</xdr:row>
          <xdr:rowOff>19050</xdr:rowOff>
        </xdr:to>
        <xdr:sp macro="" textlink="">
          <xdr:nvSpPr>
            <xdr:cNvPr id="17470" name="Check Box 62" hidden="1">
              <a:extLst>
                <a:ext uri="{63B3BB69-23CF-44E3-9099-C40C66FF867C}">
                  <a14:compatExt spid="_x0000_s1747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53</xdr:row>
          <xdr:rowOff>142875</xdr:rowOff>
        </xdr:from>
        <xdr:to>
          <xdr:col>37</xdr:col>
          <xdr:colOff>95250</xdr:colOff>
          <xdr:row>55</xdr:row>
          <xdr:rowOff>28575</xdr:rowOff>
        </xdr:to>
        <xdr:sp macro="" textlink="">
          <xdr:nvSpPr>
            <xdr:cNvPr id="17471" name="Check Box 63" hidden="1">
              <a:extLst>
                <a:ext uri="{63B3BB69-23CF-44E3-9099-C40C66FF867C}">
                  <a14:compatExt spid="_x0000_s1747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53</xdr:row>
          <xdr:rowOff>142875</xdr:rowOff>
        </xdr:from>
        <xdr:to>
          <xdr:col>41</xdr:col>
          <xdr:colOff>104775</xdr:colOff>
          <xdr:row>55</xdr:row>
          <xdr:rowOff>28575</xdr:rowOff>
        </xdr:to>
        <xdr:sp macro="" textlink="">
          <xdr:nvSpPr>
            <xdr:cNvPr id="17472" name="Check Box 64" hidden="1">
              <a:extLst>
                <a:ext uri="{63B3BB69-23CF-44E3-9099-C40C66FF867C}">
                  <a14:compatExt spid="_x0000_s1747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71450</xdr:colOff>
          <xdr:row>53</xdr:row>
          <xdr:rowOff>142875</xdr:rowOff>
        </xdr:from>
        <xdr:to>
          <xdr:col>45</xdr:col>
          <xdr:colOff>114300</xdr:colOff>
          <xdr:row>55</xdr:row>
          <xdr:rowOff>28575</xdr:rowOff>
        </xdr:to>
        <xdr:sp macro="" textlink="">
          <xdr:nvSpPr>
            <xdr:cNvPr id="17473" name="Check Box 65" hidden="1">
              <a:extLst>
                <a:ext uri="{63B3BB69-23CF-44E3-9099-C40C66FF867C}">
                  <a14:compatExt spid="_x0000_s1747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42875</xdr:colOff>
          <xdr:row>53</xdr:row>
          <xdr:rowOff>152400</xdr:rowOff>
        </xdr:from>
        <xdr:to>
          <xdr:col>49</xdr:col>
          <xdr:colOff>85725</xdr:colOff>
          <xdr:row>55</xdr:row>
          <xdr:rowOff>38100</xdr:rowOff>
        </xdr:to>
        <xdr:sp macro="" textlink="">
          <xdr:nvSpPr>
            <xdr:cNvPr id="17474" name="Check Box 66" hidden="1">
              <a:extLst>
                <a:ext uri="{63B3BB69-23CF-44E3-9099-C40C66FF867C}">
                  <a14:compatExt spid="_x0000_s1747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161925</xdr:colOff>
          <xdr:row>53</xdr:row>
          <xdr:rowOff>142875</xdr:rowOff>
        </xdr:from>
        <xdr:to>
          <xdr:col>53</xdr:col>
          <xdr:colOff>104775</xdr:colOff>
          <xdr:row>55</xdr:row>
          <xdr:rowOff>28575</xdr:rowOff>
        </xdr:to>
        <xdr:sp macro="" textlink="">
          <xdr:nvSpPr>
            <xdr:cNvPr id="17475" name="Check Box 67" hidden="1">
              <a:extLst>
                <a:ext uri="{63B3BB69-23CF-44E3-9099-C40C66FF867C}">
                  <a14:compatExt spid="_x0000_s1747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6</xdr:row>
          <xdr:rowOff>152400</xdr:rowOff>
        </xdr:from>
        <xdr:to>
          <xdr:col>24</xdr:col>
          <xdr:colOff>104775</xdr:colOff>
          <xdr:row>58</xdr:row>
          <xdr:rowOff>38100</xdr:rowOff>
        </xdr:to>
        <xdr:sp macro="" textlink="">
          <xdr:nvSpPr>
            <xdr:cNvPr id="17476" name="Check Box 68" hidden="1">
              <a:extLst>
                <a:ext uri="{63B3BB69-23CF-44E3-9099-C40C66FF867C}">
                  <a14:compatExt spid="_x0000_s1747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7</xdr:row>
          <xdr:rowOff>142875</xdr:rowOff>
        </xdr:from>
        <xdr:to>
          <xdr:col>25</xdr:col>
          <xdr:colOff>95250</xdr:colOff>
          <xdr:row>59</xdr:row>
          <xdr:rowOff>28575</xdr:rowOff>
        </xdr:to>
        <xdr:sp macro="" textlink="">
          <xdr:nvSpPr>
            <xdr:cNvPr id="17477" name="Check Box 69" hidden="1">
              <a:extLst>
                <a:ext uri="{63B3BB69-23CF-44E3-9099-C40C66FF867C}">
                  <a14:compatExt spid="_x0000_s1747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7</xdr:row>
          <xdr:rowOff>142875</xdr:rowOff>
        </xdr:from>
        <xdr:to>
          <xdr:col>31</xdr:col>
          <xdr:colOff>95250</xdr:colOff>
          <xdr:row>59</xdr:row>
          <xdr:rowOff>28575</xdr:rowOff>
        </xdr:to>
        <xdr:sp macro="" textlink="">
          <xdr:nvSpPr>
            <xdr:cNvPr id="17478" name="Check Box 70" hidden="1">
              <a:extLst>
                <a:ext uri="{63B3BB69-23CF-44E3-9099-C40C66FF867C}">
                  <a14:compatExt spid="_x0000_s1747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8</xdr:row>
          <xdr:rowOff>142875</xdr:rowOff>
        </xdr:from>
        <xdr:to>
          <xdr:col>24</xdr:col>
          <xdr:colOff>104775</xdr:colOff>
          <xdr:row>60</xdr:row>
          <xdr:rowOff>28575</xdr:rowOff>
        </xdr:to>
        <xdr:sp macro="" textlink="">
          <xdr:nvSpPr>
            <xdr:cNvPr id="17479" name="Check Box 71" hidden="1">
              <a:extLst>
                <a:ext uri="{63B3BB69-23CF-44E3-9099-C40C66FF867C}">
                  <a14:compatExt spid="_x0000_s1747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9</xdr:row>
          <xdr:rowOff>142875</xdr:rowOff>
        </xdr:from>
        <xdr:to>
          <xdr:col>25</xdr:col>
          <xdr:colOff>95250</xdr:colOff>
          <xdr:row>61</xdr:row>
          <xdr:rowOff>28575</xdr:rowOff>
        </xdr:to>
        <xdr:sp macro="" textlink="">
          <xdr:nvSpPr>
            <xdr:cNvPr id="17480" name="Check Box 72" hidden="1">
              <a:extLst>
                <a:ext uri="{63B3BB69-23CF-44E3-9099-C40C66FF867C}">
                  <a14:compatExt spid="_x0000_s1748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9</xdr:row>
          <xdr:rowOff>152400</xdr:rowOff>
        </xdr:from>
        <xdr:to>
          <xdr:col>57</xdr:col>
          <xdr:colOff>95250</xdr:colOff>
          <xdr:row>61</xdr:row>
          <xdr:rowOff>38100</xdr:rowOff>
        </xdr:to>
        <xdr:sp macro="" textlink="">
          <xdr:nvSpPr>
            <xdr:cNvPr id="17481" name="Check Box 73" hidden="1">
              <a:extLst>
                <a:ext uri="{63B3BB69-23CF-44E3-9099-C40C66FF867C}">
                  <a14:compatExt spid="_x0000_s1748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9</xdr:row>
          <xdr:rowOff>142875</xdr:rowOff>
        </xdr:from>
        <xdr:to>
          <xdr:col>31</xdr:col>
          <xdr:colOff>95250</xdr:colOff>
          <xdr:row>61</xdr:row>
          <xdr:rowOff>28575</xdr:rowOff>
        </xdr:to>
        <xdr:sp macro="" textlink="">
          <xdr:nvSpPr>
            <xdr:cNvPr id="17482" name="Check Box 74" hidden="1">
              <a:extLst>
                <a:ext uri="{63B3BB69-23CF-44E3-9099-C40C66FF867C}">
                  <a14:compatExt spid="_x0000_s1748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56</xdr:row>
          <xdr:rowOff>142875</xdr:rowOff>
        </xdr:from>
        <xdr:to>
          <xdr:col>8</xdr:col>
          <xdr:colOff>114300</xdr:colOff>
          <xdr:row>58</xdr:row>
          <xdr:rowOff>28575</xdr:rowOff>
        </xdr:to>
        <xdr:sp macro="" textlink="">
          <xdr:nvSpPr>
            <xdr:cNvPr id="17483" name="Check Box 75" hidden="1">
              <a:extLst>
                <a:ext uri="{63B3BB69-23CF-44E3-9099-C40C66FF867C}">
                  <a14:compatExt spid="_x0000_s1748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0</xdr:row>
          <xdr:rowOff>142875</xdr:rowOff>
        </xdr:from>
        <xdr:to>
          <xdr:col>8</xdr:col>
          <xdr:colOff>104775</xdr:colOff>
          <xdr:row>62</xdr:row>
          <xdr:rowOff>28575</xdr:rowOff>
        </xdr:to>
        <xdr:sp macro="" textlink="">
          <xdr:nvSpPr>
            <xdr:cNvPr id="17484" name="Check Box 76" hidden="1">
              <a:extLst>
                <a:ext uri="{63B3BB69-23CF-44E3-9099-C40C66FF867C}">
                  <a14:compatExt spid="_x0000_s1748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2</xdr:row>
          <xdr:rowOff>152400</xdr:rowOff>
        </xdr:from>
        <xdr:to>
          <xdr:col>8</xdr:col>
          <xdr:colOff>95250</xdr:colOff>
          <xdr:row>64</xdr:row>
          <xdr:rowOff>38100</xdr:rowOff>
        </xdr:to>
        <xdr:sp macro="" textlink="">
          <xdr:nvSpPr>
            <xdr:cNvPr id="17485" name="Check Box 77" hidden="1">
              <a:extLst>
                <a:ext uri="{63B3BB69-23CF-44E3-9099-C40C66FF867C}">
                  <a14:compatExt spid="_x0000_s1748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4</xdr:row>
          <xdr:rowOff>142875</xdr:rowOff>
        </xdr:from>
        <xdr:to>
          <xdr:col>8</xdr:col>
          <xdr:colOff>104775</xdr:colOff>
          <xdr:row>66</xdr:row>
          <xdr:rowOff>28575</xdr:rowOff>
        </xdr:to>
        <xdr:sp macro="" textlink="">
          <xdr:nvSpPr>
            <xdr:cNvPr id="17486" name="Check Box 78" hidden="1">
              <a:extLst>
                <a:ext uri="{63B3BB69-23CF-44E3-9099-C40C66FF867C}">
                  <a14:compatExt spid="_x0000_s1748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4</xdr:row>
          <xdr:rowOff>142875</xdr:rowOff>
        </xdr:from>
        <xdr:to>
          <xdr:col>24</xdr:col>
          <xdr:colOff>104775</xdr:colOff>
          <xdr:row>66</xdr:row>
          <xdr:rowOff>28575</xdr:rowOff>
        </xdr:to>
        <xdr:sp macro="" textlink="">
          <xdr:nvSpPr>
            <xdr:cNvPr id="17487" name="Check Box 79" hidden="1">
              <a:extLst>
                <a:ext uri="{63B3BB69-23CF-44E3-9099-C40C66FF867C}">
                  <a14:compatExt spid="_x0000_s1748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65</xdr:row>
          <xdr:rowOff>161925</xdr:rowOff>
        </xdr:from>
        <xdr:to>
          <xdr:col>25</xdr:col>
          <xdr:colOff>95250</xdr:colOff>
          <xdr:row>67</xdr:row>
          <xdr:rowOff>47625</xdr:rowOff>
        </xdr:to>
        <xdr:sp macro="" textlink="">
          <xdr:nvSpPr>
            <xdr:cNvPr id="17488" name="Check Box 80" hidden="1">
              <a:extLst>
                <a:ext uri="{63B3BB69-23CF-44E3-9099-C40C66FF867C}">
                  <a14:compatExt spid="_x0000_s1748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65</xdr:row>
          <xdr:rowOff>161925</xdr:rowOff>
        </xdr:from>
        <xdr:to>
          <xdr:col>31</xdr:col>
          <xdr:colOff>95250</xdr:colOff>
          <xdr:row>67</xdr:row>
          <xdr:rowOff>47625</xdr:rowOff>
        </xdr:to>
        <xdr:sp macro="" textlink="">
          <xdr:nvSpPr>
            <xdr:cNvPr id="17489" name="Check Box 81" hidden="1">
              <a:extLst>
                <a:ext uri="{63B3BB69-23CF-44E3-9099-C40C66FF867C}">
                  <a14:compatExt spid="_x0000_s1748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65</xdr:row>
          <xdr:rowOff>152400</xdr:rowOff>
        </xdr:from>
        <xdr:to>
          <xdr:col>57</xdr:col>
          <xdr:colOff>104775</xdr:colOff>
          <xdr:row>67</xdr:row>
          <xdr:rowOff>19050</xdr:rowOff>
        </xdr:to>
        <xdr:sp macro="" textlink="">
          <xdr:nvSpPr>
            <xdr:cNvPr id="17490" name="Check Box 82" hidden="1">
              <a:extLst>
                <a:ext uri="{63B3BB69-23CF-44E3-9099-C40C66FF867C}">
                  <a14:compatExt spid="_x0000_s1749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70</xdr:row>
          <xdr:rowOff>161925</xdr:rowOff>
        </xdr:from>
        <xdr:to>
          <xdr:col>25</xdr:col>
          <xdr:colOff>95250</xdr:colOff>
          <xdr:row>72</xdr:row>
          <xdr:rowOff>47625</xdr:rowOff>
        </xdr:to>
        <xdr:sp macro="" textlink="">
          <xdr:nvSpPr>
            <xdr:cNvPr id="17491" name="Check Box 83" hidden="1">
              <a:extLst>
                <a:ext uri="{63B3BB69-23CF-44E3-9099-C40C66FF867C}">
                  <a14:compatExt spid="_x0000_s1749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70</xdr:row>
          <xdr:rowOff>161925</xdr:rowOff>
        </xdr:from>
        <xdr:to>
          <xdr:col>31</xdr:col>
          <xdr:colOff>95250</xdr:colOff>
          <xdr:row>72</xdr:row>
          <xdr:rowOff>47625</xdr:rowOff>
        </xdr:to>
        <xdr:sp macro="" textlink="">
          <xdr:nvSpPr>
            <xdr:cNvPr id="17492" name="Check Box 84" hidden="1">
              <a:extLst>
                <a:ext uri="{63B3BB69-23CF-44E3-9099-C40C66FF867C}">
                  <a14:compatExt spid="_x0000_s1749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70</xdr:row>
          <xdr:rowOff>142875</xdr:rowOff>
        </xdr:from>
        <xdr:to>
          <xdr:col>57</xdr:col>
          <xdr:colOff>95250</xdr:colOff>
          <xdr:row>72</xdr:row>
          <xdr:rowOff>28575</xdr:rowOff>
        </xdr:to>
        <xdr:sp macro="" textlink="">
          <xdr:nvSpPr>
            <xdr:cNvPr id="17493" name="Check Box 85" hidden="1">
              <a:extLst>
                <a:ext uri="{63B3BB69-23CF-44E3-9099-C40C66FF867C}">
                  <a14:compatExt spid="_x0000_s1749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52400</xdr:colOff>
          <xdr:row>69</xdr:row>
          <xdr:rowOff>152400</xdr:rowOff>
        </xdr:from>
        <xdr:to>
          <xdr:col>8</xdr:col>
          <xdr:colOff>95250</xdr:colOff>
          <xdr:row>71</xdr:row>
          <xdr:rowOff>38100</xdr:rowOff>
        </xdr:to>
        <xdr:sp macro="" textlink="">
          <xdr:nvSpPr>
            <xdr:cNvPr id="17494" name="Check Box 86" hidden="1">
              <a:extLst>
                <a:ext uri="{63B3BB69-23CF-44E3-9099-C40C66FF867C}">
                  <a14:compatExt spid="_x0000_s1749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6</xdr:row>
          <xdr:rowOff>152400</xdr:rowOff>
        </xdr:from>
        <xdr:to>
          <xdr:col>24</xdr:col>
          <xdr:colOff>104775</xdr:colOff>
          <xdr:row>68</xdr:row>
          <xdr:rowOff>19050</xdr:rowOff>
        </xdr:to>
        <xdr:sp macro="" textlink="">
          <xdr:nvSpPr>
            <xdr:cNvPr id="17495" name="Check Box 87" hidden="1">
              <a:extLst>
                <a:ext uri="{63B3BB69-23CF-44E3-9099-C40C66FF867C}">
                  <a14:compatExt spid="_x0000_s1749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7</xdr:row>
          <xdr:rowOff>133350</xdr:rowOff>
        </xdr:from>
        <xdr:to>
          <xdr:col>24</xdr:col>
          <xdr:colOff>104775</xdr:colOff>
          <xdr:row>69</xdr:row>
          <xdr:rowOff>19050</xdr:rowOff>
        </xdr:to>
        <xdr:sp macro="" textlink="">
          <xdr:nvSpPr>
            <xdr:cNvPr id="17496" name="Check Box 88" hidden="1">
              <a:extLst>
                <a:ext uri="{63B3BB69-23CF-44E3-9099-C40C66FF867C}">
                  <a14:compatExt spid="_x0000_s1749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8</xdr:row>
          <xdr:rowOff>133350</xdr:rowOff>
        </xdr:from>
        <xdr:to>
          <xdr:col>24</xdr:col>
          <xdr:colOff>114300</xdr:colOff>
          <xdr:row>70</xdr:row>
          <xdr:rowOff>19050</xdr:rowOff>
        </xdr:to>
        <xdr:sp macro="" textlink="">
          <xdr:nvSpPr>
            <xdr:cNvPr id="17497" name="Check Box 89" hidden="1">
              <a:extLst>
                <a:ext uri="{63B3BB69-23CF-44E3-9099-C40C66FF867C}">
                  <a14:compatExt spid="_x0000_s1749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9</xdr:row>
          <xdr:rowOff>142875</xdr:rowOff>
        </xdr:from>
        <xdr:to>
          <xdr:col>24</xdr:col>
          <xdr:colOff>104775</xdr:colOff>
          <xdr:row>71</xdr:row>
          <xdr:rowOff>28575</xdr:rowOff>
        </xdr:to>
        <xdr:sp macro="" textlink="">
          <xdr:nvSpPr>
            <xdr:cNvPr id="17498" name="Check Box 90" hidden="1">
              <a:extLst>
                <a:ext uri="{63B3BB69-23CF-44E3-9099-C40C66FF867C}">
                  <a14:compatExt spid="_x0000_s1749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1</xdr:row>
          <xdr:rowOff>142875</xdr:rowOff>
        </xdr:from>
        <xdr:to>
          <xdr:col>24</xdr:col>
          <xdr:colOff>95250</xdr:colOff>
          <xdr:row>73</xdr:row>
          <xdr:rowOff>28575</xdr:rowOff>
        </xdr:to>
        <xdr:sp macro="" textlink="">
          <xdr:nvSpPr>
            <xdr:cNvPr id="17499" name="Check Box 91" hidden="1">
              <a:extLst>
                <a:ext uri="{63B3BB69-23CF-44E3-9099-C40C66FF867C}">
                  <a14:compatExt spid="_x0000_s1749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2</xdr:row>
          <xdr:rowOff>142875</xdr:rowOff>
        </xdr:from>
        <xdr:to>
          <xdr:col>24</xdr:col>
          <xdr:colOff>95250</xdr:colOff>
          <xdr:row>74</xdr:row>
          <xdr:rowOff>28575</xdr:rowOff>
        </xdr:to>
        <xdr:sp macro="" textlink="">
          <xdr:nvSpPr>
            <xdr:cNvPr id="17500" name="Check Box 92" hidden="1">
              <a:extLst>
                <a:ext uri="{63B3BB69-23CF-44E3-9099-C40C66FF867C}">
                  <a14:compatExt spid="_x0000_s1750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1</xdr:row>
          <xdr:rowOff>9525</xdr:rowOff>
        </xdr:from>
        <xdr:to>
          <xdr:col>8</xdr:col>
          <xdr:colOff>104775</xdr:colOff>
          <xdr:row>82</xdr:row>
          <xdr:rowOff>47625</xdr:rowOff>
        </xdr:to>
        <xdr:sp macro="" textlink="">
          <xdr:nvSpPr>
            <xdr:cNvPr id="17501" name="Check Box 93" hidden="1">
              <a:extLst>
                <a:ext uri="{63B3BB69-23CF-44E3-9099-C40C66FF867C}">
                  <a14:compatExt spid="_x0000_s1750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4</xdr:row>
          <xdr:rowOff>133350</xdr:rowOff>
        </xdr:from>
        <xdr:to>
          <xdr:col>8</xdr:col>
          <xdr:colOff>104775</xdr:colOff>
          <xdr:row>86</xdr:row>
          <xdr:rowOff>47625</xdr:rowOff>
        </xdr:to>
        <xdr:sp macro="" textlink="">
          <xdr:nvSpPr>
            <xdr:cNvPr id="17502" name="Check Box 94" hidden="1">
              <a:extLst>
                <a:ext uri="{63B3BB69-23CF-44E3-9099-C40C66FF867C}">
                  <a14:compatExt spid="_x0000_s1750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5</xdr:row>
          <xdr:rowOff>161925</xdr:rowOff>
        </xdr:from>
        <xdr:to>
          <xdr:col>8</xdr:col>
          <xdr:colOff>104775</xdr:colOff>
          <xdr:row>87</xdr:row>
          <xdr:rowOff>28575</xdr:rowOff>
        </xdr:to>
        <xdr:sp macro="" textlink="">
          <xdr:nvSpPr>
            <xdr:cNvPr id="17503" name="Check Box 95" hidden="1">
              <a:extLst>
                <a:ext uri="{63B3BB69-23CF-44E3-9099-C40C66FF867C}">
                  <a14:compatExt spid="_x0000_s1750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1</xdr:row>
          <xdr:rowOff>161925</xdr:rowOff>
        </xdr:from>
        <xdr:to>
          <xdr:col>57</xdr:col>
          <xdr:colOff>104775</xdr:colOff>
          <xdr:row>83</xdr:row>
          <xdr:rowOff>28575</xdr:rowOff>
        </xdr:to>
        <xdr:sp macro="" textlink="">
          <xdr:nvSpPr>
            <xdr:cNvPr id="17504" name="Check Box 96" hidden="1">
              <a:extLst>
                <a:ext uri="{63B3BB69-23CF-44E3-9099-C40C66FF867C}">
                  <a14:compatExt spid="_x0000_s1750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1</xdr:row>
          <xdr:rowOff>0</xdr:rowOff>
        </xdr:from>
        <xdr:to>
          <xdr:col>24</xdr:col>
          <xdr:colOff>104775</xdr:colOff>
          <xdr:row>82</xdr:row>
          <xdr:rowOff>38100</xdr:rowOff>
        </xdr:to>
        <xdr:sp macro="" textlink="">
          <xdr:nvSpPr>
            <xdr:cNvPr id="17505" name="Check Box 97" hidden="1">
              <a:extLst>
                <a:ext uri="{63B3BB69-23CF-44E3-9099-C40C66FF867C}">
                  <a14:compatExt spid="_x0000_s1750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7</xdr:row>
          <xdr:rowOff>152400</xdr:rowOff>
        </xdr:from>
        <xdr:to>
          <xdr:col>57</xdr:col>
          <xdr:colOff>95250</xdr:colOff>
          <xdr:row>59</xdr:row>
          <xdr:rowOff>38100</xdr:rowOff>
        </xdr:to>
        <xdr:sp macro="" textlink="">
          <xdr:nvSpPr>
            <xdr:cNvPr id="17506" name="Check Box 98" hidden="1">
              <a:extLst>
                <a:ext uri="{63B3BB69-23CF-44E3-9099-C40C66FF867C}">
                  <a14:compatExt spid="_x0000_s1750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45</xdr:row>
          <xdr:rowOff>0</xdr:rowOff>
        </xdr:from>
        <xdr:to>
          <xdr:col>57</xdr:col>
          <xdr:colOff>104775</xdr:colOff>
          <xdr:row>46</xdr:row>
          <xdr:rowOff>38100</xdr:rowOff>
        </xdr:to>
        <xdr:sp macro="" textlink="">
          <xdr:nvSpPr>
            <xdr:cNvPr id="17507" name="Check Box 99" hidden="1">
              <a:extLst>
                <a:ext uri="{63B3BB69-23CF-44E3-9099-C40C66FF867C}">
                  <a14:compatExt spid="_x0000_s1750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33350</xdr:colOff>
          <xdr:row>24</xdr:row>
          <xdr:rowOff>142875</xdr:rowOff>
        </xdr:from>
        <xdr:to>
          <xdr:col>43</xdr:col>
          <xdr:colOff>76200</xdr:colOff>
          <xdr:row>26</xdr:row>
          <xdr:rowOff>28575</xdr:rowOff>
        </xdr:to>
        <xdr:sp macro="" textlink="">
          <xdr:nvSpPr>
            <xdr:cNvPr id="17508" name="Check Box 100" hidden="1">
              <a:extLst>
                <a:ext uri="{63B3BB69-23CF-44E3-9099-C40C66FF867C}">
                  <a14:compatExt spid="_x0000_s1750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71450</xdr:colOff>
          <xdr:row>20</xdr:row>
          <xdr:rowOff>152400</xdr:rowOff>
        </xdr:from>
        <xdr:to>
          <xdr:col>42</xdr:col>
          <xdr:colOff>114300</xdr:colOff>
          <xdr:row>22</xdr:row>
          <xdr:rowOff>38100</xdr:rowOff>
        </xdr:to>
        <xdr:sp macro="" textlink="">
          <xdr:nvSpPr>
            <xdr:cNvPr id="17509" name="Check Box 101" hidden="1">
              <a:extLst>
                <a:ext uri="{63B3BB69-23CF-44E3-9099-C40C66FF867C}">
                  <a14:compatExt spid="_x0000_s1750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17</xdr:row>
          <xdr:rowOff>152400</xdr:rowOff>
        </xdr:from>
        <xdr:to>
          <xdr:col>56</xdr:col>
          <xdr:colOff>95250</xdr:colOff>
          <xdr:row>19</xdr:row>
          <xdr:rowOff>19050</xdr:rowOff>
        </xdr:to>
        <xdr:sp macro="" textlink="">
          <xdr:nvSpPr>
            <xdr:cNvPr id="17510" name="Check Box 102" hidden="1">
              <a:extLst>
                <a:ext uri="{63B3BB69-23CF-44E3-9099-C40C66FF867C}">
                  <a14:compatExt spid="_x0000_s1751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81</xdr:row>
          <xdr:rowOff>133350</xdr:rowOff>
        </xdr:from>
        <xdr:to>
          <xdr:col>25</xdr:col>
          <xdr:colOff>114300</xdr:colOff>
          <xdr:row>83</xdr:row>
          <xdr:rowOff>28575</xdr:rowOff>
        </xdr:to>
        <xdr:sp macro="" textlink="">
          <xdr:nvSpPr>
            <xdr:cNvPr id="17511" name="Check Box 103" hidden="1">
              <a:extLst>
                <a:ext uri="{63B3BB69-23CF-44E3-9099-C40C66FF867C}">
                  <a14:compatExt spid="_x0000_s1751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81</xdr:row>
          <xdr:rowOff>142875</xdr:rowOff>
        </xdr:from>
        <xdr:to>
          <xdr:col>30</xdr:col>
          <xdr:colOff>114300</xdr:colOff>
          <xdr:row>83</xdr:row>
          <xdr:rowOff>38100</xdr:rowOff>
        </xdr:to>
        <xdr:sp macro="" textlink="">
          <xdr:nvSpPr>
            <xdr:cNvPr id="17512" name="Check Box 104" hidden="1">
              <a:extLst>
                <a:ext uri="{63B3BB69-23CF-44E3-9099-C40C66FF867C}">
                  <a14:compatExt spid="_x0000_s1751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2</xdr:row>
          <xdr:rowOff>142875</xdr:rowOff>
        </xdr:from>
        <xdr:to>
          <xdr:col>24</xdr:col>
          <xdr:colOff>95250</xdr:colOff>
          <xdr:row>84</xdr:row>
          <xdr:rowOff>38100</xdr:rowOff>
        </xdr:to>
        <xdr:sp macro="" textlink="">
          <xdr:nvSpPr>
            <xdr:cNvPr id="17513" name="Check Box 105" hidden="1">
              <a:extLst>
                <a:ext uri="{63B3BB69-23CF-44E3-9099-C40C66FF867C}">
                  <a14:compatExt spid="_x0000_s1751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83</xdr:row>
          <xdr:rowOff>133350</xdr:rowOff>
        </xdr:from>
        <xdr:to>
          <xdr:col>30</xdr:col>
          <xdr:colOff>104775</xdr:colOff>
          <xdr:row>85</xdr:row>
          <xdr:rowOff>28575</xdr:rowOff>
        </xdr:to>
        <xdr:sp macro="" textlink="">
          <xdr:nvSpPr>
            <xdr:cNvPr id="17514" name="Check Box 106" hidden="1">
              <a:extLst>
                <a:ext uri="{63B3BB69-23CF-44E3-9099-C40C66FF867C}">
                  <a14:compatExt spid="_x0000_s1751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3</xdr:row>
          <xdr:rowOff>133350</xdr:rowOff>
        </xdr:from>
        <xdr:to>
          <xdr:col>25</xdr:col>
          <xdr:colOff>95250</xdr:colOff>
          <xdr:row>85</xdr:row>
          <xdr:rowOff>28575</xdr:rowOff>
        </xdr:to>
        <xdr:sp macro="" textlink="">
          <xdr:nvSpPr>
            <xdr:cNvPr id="17515" name="Check Box 107" hidden="1">
              <a:extLst>
                <a:ext uri="{63B3BB69-23CF-44E3-9099-C40C66FF867C}">
                  <a14:compatExt spid="_x0000_s1751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5</xdr:row>
          <xdr:rowOff>133350</xdr:rowOff>
        </xdr:from>
        <xdr:to>
          <xdr:col>24</xdr:col>
          <xdr:colOff>95250</xdr:colOff>
          <xdr:row>87</xdr:row>
          <xdr:rowOff>28575</xdr:rowOff>
        </xdr:to>
        <xdr:sp macro="" textlink="">
          <xdr:nvSpPr>
            <xdr:cNvPr id="17516" name="Check Box 108" hidden="1">
              <a:extLst>
                <a:ext uri="{63B3BB69-23CF-44E3-9099-C40C66FF867C}">
                  <a14:compatExt spid="_x0000_s1751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42875</xdr:colOff>
          <xdr:row>86</xdr:row>
          <xdr:rowOff>142875</xdr:rowOff>
        </xdr:from>
        <xdr:to>
          <xdr:col>29</xdr:col>
          <xdr:colOff>85725</xdr:colOff>
          <xdr:row>88</xdr:row>
          <xdr:rowOff>38100</xdr:rowOff>
        </xdr:to>
        <xdr:sp macro="" textlink="">
          <xdr:nvSpPr>
            <xdr:cNvPr id="17517" name="Check Box 109" hidden="1">
              <a:extLst>
                <a:ext uri="{63B3BB69-23CF-44E3-9099-C40C66FF867C}">
                  <a14:compatExt spid="_x0000_s1751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6</xdr:row>
          <xdr:rowOff>133350</xdr:rowOff>
        </xdr:from>
        <xdr:to>
          <xdr:col>25</xdr:col>
          <xdr:colOff>95250</xdr:colOff>
          <xdr:row>88</xdr:row>
          <xdr:rowOff>28575</xdr:rowOff>
        </xdr:to>
        <xdr:sp macro="" textlink="">
          <xdr:nvSpPr>
            <xdr:cNvPr id="17518" name="Check Box 110" hidden="1">
              <a:extLst>
                <a:ext uri="{63B3BB69-23CF-44E3-9099-C40C66FF867C}">
                  <a14:compatExt spid="_x0000_s1751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86</xdr:row>
          <xdr:rowOff>123825</xdr:rowOff>
        </xdr:from>
        <xdr:to>
          <xdr:col>33</xdr:col>
          <xdr:colOff>95250</xdr:colOff>
          <xdr:row>88</xdr:row>
          <xdr:rowOff>19050</xdr:rowOff>
        </xdr:to>
        <xdr:sp macro="" textlink="">
          <xdr:nvSpPr>
            <xdr:cNvPr id="17519" name="Check Box 111" hidden="1">
              <a:extLst>
                <a:ext uri="{63B3BB69-23CF-44E3-9099-C40C66FF867C}">
                  <a14:compatExt spid="_x0000_s1751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86</xdr:row>
          <xdr:rowOff>133350</xdr:rowOff>
        </xdr:from>
        <xdr:to>
          <xdr:col>37</xdr:col>
          <xdr:colOff>104775</xdr:colOff>
          <xdr:row>88</xdr:row>
          <xdr:rowOff>28575</xdr:rowOff>
        </xdr:to>
        <xdr:sp macro="" textlink="">
          <xdr:nvSpPr>
            <xdr:cNvPr id="17520" name="Check Box 112" hidden="1">
              <a:extLst>
                <a:ext uri="{63B3BB69-23CF-44E3-9099-C40C66FF867C}">
                  <a14:compatExt spid="_x0000_s1752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86</xdr:row>
          <xdr:rowOff>133350</xdr:rowOff>
        </xdr:from>
        <xdr:to>
          <xdr:col>41</xdr:col>
          <xdr:colOff>95250</xdr:colOff>
          <xdr:row>88</xdr:row>
          <xdr:rowOff>28575</xdr:rowOff>
        </xdr:to>
        <xdr:sp macro="" textlink="">
          <xdr:nvSpPr>
            <xdr:cNvPr id="17521" name="Check Box 113" hidden="1">
              <a:extLst>
                <a:ext uri="{63B3BB69-23CF-44E3-9099-C40C66FF867C}">
                  <a14:compatExt spid="_x0000_s1752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7</xdr:row>
          <xdr:rowOff>142875</xdr:rowOff>
        </xdr:from>
        <xdr:to>
          <xdr:col>24</xdr:col>
          <xdr:colOff>104775</xdr:colOff>
          <xdr:row>89</xdr:row>
          <xdr:rowOff>9525</xdr:rowOff>
        </xdr:to>
        <xdr:sp macro="" textlink="">
          <xdr:nvSpPr>
            <xdr:cNvPr id="17522" name="Check Box 114" hidden="1">
              <a:extLst>
                <a:ext uri="{63B3BB69-23CF-44E3-9099-C40C66FF867C}">
                  <a14:compatExt spid="_x0000_s1752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8</xdr:row>
          <xdr:rowOff>133350</xdr:rowOff>
        </xdr:from>
        <xdr:to>
          <xdr:col>25</xdr:col>
          <xdr:colOff>95250</xdr:colOff>
          <xdr:row>90</xdr:row>
          <xdr:rowOff>28575</xdr:rowOff>
        </xdr:to>
        <xdr:sp macro="" textlink="">
          <xdr:nvSpPr>
            <xdr:cNvPr id="17523" name="Check Box 115" hidden="1">
              <a:extLst>
                <a:ext uri="{63B3BB69-23CF-44E3-9099-C40C66FF867C}">
                  <a14:compatExt spid="_x0000_s1752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9</xdr:row>
          <xdr:rowOff>123825</xdr:rowOff>
        </xdr:from>
        <xdr:to>
          <xdr:col>25</xdr:col>
          <xdr:colOff>95250</xdr:colOff>
          <xdr:row>91</xdr:row>
          <xdr:rowOff>19050</xdr:rowOff>
        </xdr:to>
        <xdr:sp macro="" textlink="">
          <xdr:nvSpPr>
            <xdr:cNvPr id="17524" name="Check Box 116" hidden="1">
              <a:extLst>
                <a:ext uri="{63B3BB69-23CF-44E3-9099-C40C66FF867C}">
                  <a14:compatExt spid="_x0000_s1752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52400</xdr:colOff>
          <xdr:row>88</xdr:row>
          <xdr:rowOff>142875</xdr:rowOff>
        </xdr:from>
        <xdr:to>
          <xdr:col>39</xdr:col>
          <xdr:colOff>95250</xdr:colOff>
          <xdr:row>90</xdr:row>
          <xdr:rowOff>38100</xdr:rowOff>
        </xdr:to>
        <xdr:sp macro="" textlink="">
          <xdr:nvSpPr>
            <xdr:cNvPr id="17525" name="Check Box 117" hidden="1">
              <a:extLst>
                <a:ext uri="{63B3BB69-23CF-44E3-9099-C40C66FF867C}">
                  <a14:compatExt spid="_x0000_s1752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88</xdr:row>
          <xdr:rowOff>161925</xdr:rowOff>
        </xdr:from>
        <xdr:to>
          <xdr:col>57</xdr:col>
          <xdr:colOff>95250</xdr:colOff>
          <xdr:row>90</xdr:row>
          <xdr:rowOff>28575</xdr:rowOff>
        </xdr:to>
        <xdr:sp macro="" textlink="">
          <xdr:nvSpPr>
            <xdr:cNvPr id="17526" name="Check Box 118" hidden="1">
              <a:extLst>
                <a:ext uri="{63B3BB69-23CF-44E3-9099-C40C66FF867C}">
                  <a14:compatExt spid="_x0000_s1752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9</xdr:row>
          <xdr:rowOff>152400</xdr:rowOff>
        </xdr:from>
        <xdr:to>
          <xdr:col>57</xdr:col>
          <xdr:colOff>104775</xdr:colOff>
          <xdr:row>91</xdr:row>
          <xdr:rowOff>19050</xdr:rowOff>
        </xdr:to>
        <xdr:sp macro="" textlink="">
          <xdr:nvSpPr>
            <xdr:cNvPr id="17527" name="Check Box 119" hidden="1">
              <a:extLst>
                <a:ext uri="{63B3BB69-23CF-44E3-9099-C40C66FF867C}">
                  <a14:compatExt spid="_x0000_s1752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91</xdr:row>
          <xdr:rowOff>142875</xdr:rowOff>
        </xdr:from>
        <xdr:to>
          <xdr:col>57</xdr:col>
          <xdr:colOff>104775</xdr:colOff>
          <xdr:row>93</xdr:row>
          <xdr:rowOff>38100</xdr:rowOff>
        </xdr:to>
        <xdr:sp macro="" textlink="">
          <xdr:nvSpPr>
            <xdr:cNvPr id="17528" name="Check Box 120" hidden="1">
              <a:extLst>
                <a:ext uri="{63B3BB69-23CF-44E3-9099-C40C66FF867C}">
                  <a14:compatExt spid="_x0000_s1752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0</xdr:row>
          <xdr:rowOff>142875</xdr:rowOff>
        </xdr:from>
        <xdr:to>
          <xdr:col>24</xdr:col>
          <xdr:colOff>95250</xdr:colOff>
          <xdr:row>92</xdr:row>
          <xdr:rowOff>38100</xdr:rowOff>
        </xdr:to>
        <xdr:sp macro="" textlink="">
          <xdr:nvSpPr>
            <xdr:cNvPr id="17529" name="Check Box 121" hidden="1">
              <a:extLst>
                <a:ext uri="{63B3BB69-23CF-44E3-9099-C40C66FF867C}">
                  <a14:compatExt spid="_x0000_s1752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33350</xdr:colOff>
          <xdr:row>91</xdr:row>
          <xdr:rowOff>142875</xdr:rowOff>
        </xdr:from>
        <xdr:to>
          <xdr:col>30</xdr:col>
          <xdr:colOff>76200</xdr:colOff>
          <xdr:row>93</xdr:row>
          <xdr:rowOff>38100</xdr:rowOff>
        </xdr:to>
        <xdr:sp macro="" textlink="">
          <xdr:nvSpPr>
            <xdr:cNvPr id="17530" name="Check Box 122" hidden="1">
              <a:extLst>
                <a:ext uri="{63B3BB69-23CF-44E3-9099-C40C66FF867C}">
                  <a14:compatExt spid="_x0000_s1753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1</xdr:row>
          <xdr:rowOff>133350</xdr:rowOff>
        </xdr:from>
        <xdr:to>
          <xdr:col>34</xdr:col>
          <xdr:colOff>104775</xdr:colOff>
          <xdr:row>93</xdr:row>
          <xdr:rowOff>28575</xdr:rowOff>
        </xdr:to>
        <xdr:sp macro="" textlink="">
          <xdr:nvSpPr>
            <xdr:cNvPr id="17531" name="Check Box 123" hidden="1">
              <a:extLst>
                <a:ext uri="{63B3BB69-23CF-44E3-9099-C40C66FF867C}">
                  <a14:compatExt spid="_x0000_s1753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71450</xdr:colOff>
          <xdr:row>91</xdr:row>
          <xdr:rowOff>161925</xdr:rowOff>
        </xdr:from>
        <xdr:to>
          <xdr:col>39</xdr:col>
          <xdr:colOff>114300</xdr:colOff>
          <xdr:row>93</xdr:row>
          <xdr:rowOff>28575</xdr:rowOff>
        </xdr:to>
        <xdr:sp macro="" textlink="">
          <xdr:nvSpPr>
            <xdr:cNvPr id="17532" name="Check Box 124" hidden="1">
              <a:extLst>
                <a:ext uri="{63B3BB69-23CF-44E3-9099-C40C66FF867C}">
                  <a14:compatExt spid="_x0000_s1753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91</xdr:row>
          <xdr:rowOff>142875</xdr:rowOff>
        </xdr:from>
        <xdr:to>
          <xdr:col>44</xdr:col>
          <xdr:colOff>104775</xdr:colOff>
          <xdr:row>93</xdr:row>
          <xdr:rowOff>38100</xdr:rowOff>
        </xdr:to>
        <xdr:sp macro="" textlink="">
          <xdr:nvSpPr>
            <xdr:cNvPr id="17533" name="Check Box 125" hidden="1">
              <a:extLst>
                <a:ext uri="{63B3BB69-23CF-44E3-9099-C40C66FF867C}">
                  <a14:compatExt spid="_x0000_s1753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1</xdr:row>
          <xdr:rowOff>142875</xdr:rowOff>
        </xdr:from>
        <xdr:to>
          <xdr:col>25</xdr:col>
          <xdr:colOff>104775</xdr:colOff>
          <xdr:row>93</xdr:row>
          <xdr:rowOff>38100</xdr:rowOff>
        </xdr:to>
        <xdr:sp macro="" textlink="">
          <xdr:nvSpPr>
            <xdr:cNvPr id="17534" name="Check Box 126" hidden="1">
              <a:extLst>
                <a:ext uri="{63B3BB69-23CF-44E3-9099-C40C66FF867C}">
                  <a14:compatExt spid="_x0000_s1753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2</xdr:row>
          <xdr:rowOff>133350</xdr:rowOff>
        </xdr:from>
        <xdr:to>
          <xdr:col>24</xdr:col>
          <xdr:colOff>104775</xdr:colOff>
          <xdr:row>94</xdr:row>
          <xdr:rowOff>28575</xdr:rowOff>
        </xdr:to>
        <xdr:sp macro="" textlink="">
          <xdr:nvSpPr>
            <xdr:cNvPr id="17535" name="Check Box 127" hidden="1">
              <a:extLst>
                <a:ext uri="{63B3BB69-23CF-44E3-9099-C40C66FF867C}">
                  <a14:compatExt spid="_x0000_s1753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2</xdr:row>
          <xdr:rowOff>142875</xdr:rowOff>
        </xdr:from>
        <xdr:to>
          <xdr:col>8</xdr:col>
          <xdr:colOff>104775</xdr:colOff>
          <xdr:row>94</xdr:row>
          <xdr:rowOff>38100</xdr:rowOff>
        </xdr:to>
        <xdr:sp macro="" textlink="">
          <xdr:nvSpPr>
            <xdr:cNvPr id="17536" name="Check Box 128" hidden="1">
              <a:extLst>
                <a:ext uri="{63B3BB69-23CF-44E3-9099-C40C66FF867C}">
                  <a14:compatExt spid="_x0000_s1753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3</xdr:row>
          <xdr:rowOff>142875</xdr:rowOff>
        </xdr:from>
        <xdr:to>
          <xdr:col>24</xdr:col>
          <xdr:colOff>104775</xdr:colOff>
          <xdr:row>95</xdr:row>
          <xdr:rowOff>38100</xdr:rowOff>
        </xdr:to>
        <xdr:sp macro="" textlink="">
          <xdr:nvSpPr>
            <xdr:cNvPr id="17537" name="Check Box 129" hidden="1">
              <a:extLst>
                <a:ext uri="{63B3BB69-23CF-44E3-9099-C40C66FF867C}">
                  <a14:compatExt spid="_x0000_s1753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0</xdr:row>
          <xdr:rowOff>142875</xdr:rowOff>
        </xdr:from>
        <xdr:to>
          <xdr:col>8</xdr:col>
          <xdr:colOff>104775</xdr:colOff>
          <xdr:row>102</xdr:row>
          <xdr:rowOff>38100</xdr:rowOff>
        </xdr:to>
        <xdr:sp macro="" textlink="">
          <xdr:nvSpPr>
            <xdr:cNvPr id="17538" name="Check Box 130" hidden="1">
              <a:extLst>
                <a:ext uri="{63B3BB69-23CF-44E3-9099-C40C66FF867C}">
                  <a14:compatExt spid="_x0000_s1753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6</xdr:row>
          <xdr:rowOff>133350</xdr:rowOff>
        </xdr:from>
        <xdr:to>
          <xdr:col>24</xdr:col>
          <xdr:colOff>95250</xdr:colOff>
          <xdr:row>98</xdr:row>
          <xdr:rowOff>28575</xdr:rowOff>
        </xdr:to>
        <xdr:sp macro="" textlink="">
          <xdr:nvSpPr>
            <xdr:cNvPr id="17539" name="Check Box 131" hidden="1">
              <a:extLst>
                <a:ext uri="{63B3BB69-23CF-44E3-9099-C40C66FF867C}">
                  <a14:compatExt spid="_x0000_s1753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8</xdr:row>
          <xdr:rowOff>152400</xdr:rowOff>
        </xdr:from>
        <xdr:to>
          <xdr:col>24</xdr:col>
          <xdr:colOff>104775</xdr:colOff>
          <xdr:row>100</xdr:row>
          <xdr:rowOff>47625</xdr:rowOff>
        </xdr:to>
        <xdr:sp macro="" textlink="">
          <xdr:nvSpPr>
            <xdr:cNvPr id="17540" name="Check Box 132" hidden="1">
              <a:extLst>
                <a:ext uri="{63B3BB69-23CF-44E3-9099-C40C66FF867C}">
                  <a14:compatExt spid="_x0000_s1754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7</xdr:row>
          <xdr:rowOff>152400</xdr:rowOff>
        </xdr:from>
        <xdr:to>
          <xdr:col>25</xdr:col>
          <xdr:colOff>104775</xdr:colOff>
          <xdr:row>99</xdr:row>
          <xdr:rowOff>19050</xdr:rowOff>
        </xdr:to>
        <xdr:sp macro="" textlink="">
          <xdr:nvSpPr>
            <xdr:cNvPr id="17541" name="Check Box 133" hidden="1">
              <a:extLst>
                <a:ext uri="{63B3BB69-23CF-44E3-9099-C40C66FF867C}">
                  <a14:compatExt spid="_x0000_s1754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97</xdr:row>
          <xdr:rowOff>152400</xdr:rowOff>
        </xdr:from>
        <xdr:to>
          <xdr:col>29</xdr:col>
          <xdr:colOff>95250</xdr:colOff>
          <xdr:row>99</xdr:row>
          <xdr:rowOff>47625</xdr:rowOff>
        </xdr:to>
        <xdr:sp macro="" textlink="">
          <xdr:nvSpPr>
            <xdr:cNvPr id="17542" name="Check Box 134" hidden="1">
              <a:extLst>
                <a:ext uri="{63B3BB69-23CF-44E3-9099-C40C66FF867C}">
                  <a14:compatExt spid="_x0000_s1754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7</xdr:row>
          <xdr:rowOff>133350</xdr:rowOff>
        </xdr:from>
        <xdr:to>
          <xdr:col>33</xdr:col>
          <xdr:colOff>95250</xdr:colOff>
          <xdr:row>99</xdr:row>
          <xdr:rowOff>28575</xdr:rowOff>
        </xdr:to>
        <xdr:sp macro="" textlink="">
          <xdr:nvSpPr>
            <xdr:cNvPr id="17543" name="Check Box 135" hidden="1">
              <a:extLst>
                <a:ext uri="{63B3BB69-23CF-44E3-9099-C40C66FF867C}">
                  <a14:compatExt spid="_x0000_s1754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97</xdr:row>
          <xdr:rowOff>133350</xdr:rowOff>
        </xdr:from>
        <xdr:to>
          <xdr:col>37</xdr:col>
          <xdr:colOff>95250</xdr:colOff>
          <xdr:row>99</xdr:row>
          <xdr:rowOff>28575</xdr:rowOff>
        </xdr:to>
        <xdr:sp macro="" textlink="">
          <xdr:nvSpPr>
            <xdr:cNvPr id="17544" name="Check Box 136" hidden="1">
              <a:extLst>
                <a:ext uri="{63B3BB69-23CF-44E3-9099-C40C66FF867C}">
                  <a14:compatExt spid="_x0000_s1754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97</xdr:row>
          <xdr:rowOff>133350</xdr:rowOff>
        </xdr:from>
        <xdr:to>
          <xdr:col>41</xdr:col>
          <xdr:colOff>95250</xdr:colOff>
          <xdr:row>99</xdr:row>
          <xdr:rowOff>28575</xdr:rowOff>
        </xdr:to>
        <xdr:sp macro="" textlink="">
          <xdr:nvSpPr>
            <xdr:cNvPr id="17545" name="Check Box 137" hidden="1">
              <a:extLst>
                <a:ext uri="{63B3BB69-23CF-44E3-9099-C40C66FF867C}">
                  <a14:compatExt spid="_x0000_s1754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61925</xdr:colOff>
          <xdr:row>97</xdr:row>
          <xdr:rowOff>152400</xdr:rowOff>
        </xdr:from>
        <xdr:to>
          <xdr:col>45</xdr:col>
          <xdr:colOff>104775</xdr:colOff>
          <xdr:row>99</xdr:row>
          <xdr:rowOff>19050</xdr:rowOff>
        </xdr:to>
        <xdr:sp macro="" textlink="">
          <xdr:nvSpPr>
            <xdr:cNvPr id="17546" name="Check Box 138" hidden="1">
              <a:extLst>
                <a:ext uri="{63B3BB69-23CF-44E3-9099-C40C66FF867C}">
                  <a14:compatExt spid="_x0000_s1754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71450</xdr:colOff>
          <xdr:row>97</xdr:row>
          <xdr:rowOff>142875</xdr:rowOff>
        </xdr:from>
        <xdr:to>
          <xdr:col>49</xdr:col>
          <xdr:colOff>114300</xdr:colOff>
          <xdr:row>99</xdr:row>
          <xdr:rowOff>38100</xdr:rowOff>
        </xdr:to>
        <xdr:sp macro="" textlink="">
          <xdr:nvSpPr>
            <xdr:cNvPr id="17547" name="Check Box 139" hidden="1">
              <a:extLst>
                <a:ext uri="{63B3BB69-23CF-44E3-9099-C40C66FF867C}">
                  <a14:compatExt spid="_x0000_s1754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98</xdr:row>
          <xdr:rowOff>142875</xdr:rowOff>
        </xdr:from>
        <xdr:to>
          <xdr:col>30</xdr:col>
          <xdr:colOff>114300</xdr:colOff>
          <xdr:row>100</xdr:row>
          <xdr:rowOff>38100</xdr:rowOff>
        </xdr:to>
        <xdr:sp macro="" textlink="">
          <xdr:nvSpPr>
            <xdr:cNvPr id="17548" name="Check Box 140" hidden="1">
              <a:extLst>
                <a:ext uri="{63B3BB69-23CF-44E3-9099-C40C66FF867C}">
                  <a14:compatExt spid="_x0000_s1754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98</xdr:row>
          <xdr:rowOff>152400</xdr:rowOff>
        </xdr:from>
        <xdr:to>
          <xdr:col>41</xdr:col>
          <xdr:colOff>104775</xdr:colOff>
          <xdr:row>100</xdr:row>
          <xdr:rowOff>47625</xdr:rowOff>
        </xdr:to>
        <xdr:sp macro="" textlink="">
          <xdr:nvSpPr>
            <xdr:cNvPr id="17549" name="Check Box 141" hidden="1">
              <a:extLst>
                <a:ext uri="{63B3BB69-23CF-44E3-9099-C40C66FF867C}">
                  <a14:compatExt spid="_x0000_s1754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07</xdr:row>
          <xdr:rowOff>9525</xdr:rowOff>
        </xdr:from>
        <xdr:to>
          <xdr:col>24</xdr:col>
          <xdr:colOff>95250</xdr:colOff>
          <xdr:row>108</xdr:row>
          <xdr:rowOff>47625</xdr:rowOff>
        </xdr:to>
        <xdr:sp macro="" textlink="">
          <xdr:nvSpPr>
            <xdr:cNvPr id="17550" name="Check Box 142" hidden="1">
              <a:extLst>
                <a:ext uri="{63B3BB69-23CF-44E3-9099-C40C66FF867C}">
                  <a14:compatExt spid="_x0000_s1755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8</xdr:row>
          <xdr:rowOff>142875</xdr:rowOff>
        </xdr:from>
        <xdr:to>
          <xdr:col>25</xdr:col>
          <xdr:colOff>104775</xdr:colOff>
          <xdr:row>110</xdr:row>
          <xdr:rowOff>38100</xdr:rowOff>
        </xdr:to>
        <xdr:sp macro="" textlink="">
          <xdr:nvSpPr>
            <xdr:cNvPr id="17551" name="Check Box 143" hidden="1">
              <a:extLst>
                <a:ext uri="{63B3BB69-23CF-44E3-9099-C40C66FF867C}">
                  <a14:compatExt spid="_x0000_s1755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7</xdr:row>
          <xdr:rowOff>142875</xdr:rowOff>
        </xdr:from>
        <xdr:to>
          <xdr:col>42</xdr:col>
          <xdr:colOff>104775</xdr:colOff>
          <xdr:row>109</xdr:row>
          <xdr:rowOff>38100</xdr:rowOff>
        </xdr:to>
        <xdr:sp macro="" textlink="">
          <xdr:nvSpPr>
            <xdr:cNvPr id="17552" name="Check Box 144" hidden="1">
              <a:extLst>
                <a:ext uri="{63B3BB69-23CF-44E3-9099-C40C66FF867C}">
                  <a14:compatExt spid="_x0000_s1755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8</xdr:row>
          <xdr:rowOff>142875</xdr:rowOff>
        </xdr:from>
        <xdr:to>
          <xdr:col>42</xdr:col>
          <xdr:colOff>104775</xdr:colOff>
          <xdr:row>110</xdr:row>
          <xdr:rowOff>38100</xdr:rowOff>
        </xdr:to>
        <xdr:sp macro="" textlink="">
          <xdr:nvSpPr>
            <xdr:cNvPr id="17553" name="Check Box 145" hidden="1">
              <a:extLst>
                <a:ext uri="{63B3BB69-23CF-44E3-9099-C40C66FF867C}">
                  <a14:compatExt spid="_x0000_s1755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9</xdr:row>
          <xdr:rowOff>142875</xdr:rowOff>
        </xdr:from>
        <xdr:to>
          <xdr:col>42</xdr:col>
          <xdr:colOff>104775</xdr:colOff>
          <xdr:row>111</xdr:row>
          <xdr:rowOff>38100</xdr:rowOff>
        </xdr:to>
        <xdr:sp macro="" textlink="">
          <xdr:nvSpPr>
            <xdr:cNvPr id="17554" name="Check Box 146" hidden="1">
              <a:extLst>
                <a:ext uri="{63B3BB69-23CF-44E3-9099-C40C66FF867C}">
                  <a14:compatExt spid="_x0000_s1755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0</xdr:row>
          <xdr:rowOff>142875</xdr:rowOff>
        </xdr:from>
        <xdr:to>
          <xdr:col>24</xdr:col>
          <xdr:colOff>104775</xdr:colOff>
          <xdr:row>112</xdr:row>
          <xdr:rowOff>38100</xdr:rowOff>
        </xdr:to>
        <xdr:sp macro="" textlink="">
          <xdr:nvSpPr>
            <xdr:cNvPr id="17555" name="Check Box 147" hidden="1">
              <a:extLst>
                <a:ext uri="{63B3BB69-23CF-44E3-9099-C40C66FF867C}">
                  <a14:compatExt spid="_x0000_s1755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1</xdr:row>
          <xdr:rowOff>142875</xdr:rowOff>
        </xdr:from>
        <xdr:to>
          <xdr:col>24</xdr:col>
          <xdr:colOff>104775</xdr:colOff>
          <xdr:row>113</xdr:row>
          <xdr:rowOff>38100</xdr:rowOff>
        </xdr:to>
        <xdr:sp macro="" textlink="">
          <xdr:nvSpPr>
            <xdr:cNvPr id="17556" name="Check Box 148" hidden="1">
              <a:extLst>
                <a:ext uri="{63B3BB69-23CF-44E3-9099-C40C66FF867C}">
                  <a14:compatExt spid="_x0000_s1755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4</xdr:row>
          <xdr:rowOff>142875</xdr:rowOff>
        </xdr:from>
        <xdr:to>
          <xdr:col>24</xdr:col>
          <xdr:colOff>104775</xdr:colOff>
          <xdr:row>116</xdr:row>
          <xdr:rowOff>38100</xdr:rowOff>
        </xdr:to>
        <xdr:sp macro="" textlink="">
          <xdr:nvSpPr>
            <xdr:cNvPr id="17557" name="Check Box 149" hidden="1">
              <a:extLst>
                <a:ext uri="{63B3BB69-23CF-44E3-9099-C40C66FF867C}">
                  <a14:compatExt spid="_x0000_s1755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8</xdr:row>
          <xdr:rowOff>0</xdr:rowOff>
        </xdr:from>
        <xdr:to>
          <xdr:col>24</xdr:col>
          <xdr:colOff>104775</xdr:colOff>
          <xdr:row>119</xdr:row>
          <xdr:rowOff>38100</xdr:rowOff>
        </xdr:to>
        <xdr:sp macro="" textlink="">
          <xdr:nvSpPr>
            <xdr:cNvPr id="17558" name="Check Box 150" hidden="1">
              <a:extLst>
                <a:ext uri="{63B3BB69-23CF-44E3-9099-C40C66FF867C}">
                  <a14:compatExt spid="_x0000_s1755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18</xdr:row>
          <xdr:rowOff>142875</xdr:rowOff>
        </xdr:from>
        <xdr:to>
          <xdr:col>31</xdr:col>
          <xdr:colOff>104775</xdr:colOff>
          <xdr:row>120</xdr:row>
          <xdr:rowOff>38100</xdr:rowOff>
        </xdr:to>
        <xdr:sp macro="" textlink="">
          <xdr:nvSpPr>
            <xdr:cNvPr id="17559" name="Check Box 151" hidden="1">
              <a:extLst>
                <a:ext uri="{63B3BB69-23CF-44E3-9099-C40C66FF867C}">
                  <a14:compatExt spid="_x0000_s1755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18</xdr:row>
          <xdr:rowOff>142875</xdr:rowOff>
        </xdr:from>
        <xdr:to>
          <xdr:col>38</xdr:col>
          <xdr:colOff>104775</xdr:colOff>
          <xdr:row>120</xdr:row>
          <xdr:rowOff>38100</xdr:rowOff>
        </xdr:to>
        <xdr:sp macro="" textlink="">
          <xdr:nvSpPr>
            <xdr:cNvPr id="17560" name="Check Box 152" hidden="1">
              <a:extLst>
                <a:ext uri="{63B3BB69-23CF-44E3-9099-C40C66FF867C}">
                  <a14:compatExt spid="_x0000_s1756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5</xdr:col>
          <xdr:colOff>161925</xdr:colOff>
          <xdr:row>118</xdr:row>
          <xdr:rowOff>142875</xdr:rowOff>
        </xdr:from>
        <xdr:to>
          <xdr:col>47</xdr:col>
          <xdr:colOff>104775</xdr:colOff>
          <xdr:row>120</xdr:row>
          <xdr:rowOff>38100</xdr:rowOff>
        </xdr:to>
        <xdr:sp macro="" textlink="">
          <xdr:nvSpPr>
            <xdr:cNvPr id="17561" name="Check Box 153" hidden="1">
              <a:extLst>
                <a:ext uri="{63B3BB69-23CF-44E3-9099-C40C66FF867C}">
                  <a14:compatExt spid="_x0000_s1756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18</xdr:row>
          <xdr:rowOff>161925</xdr:rowOff>
        </xdr:from>
        <xdr:to>
          <xdr:col>25</xdr:col>
          <xdr:colOff>114300</xdr:colOff>
          <xdr:row>120</xdr:row>
          <xdr:rowOff>28575</xdr:rowOff>
        </xdr:to>
        <xdr:sp macro="" textlink="">
          <xdr:nvSpPr>
            <xdr:cNvPr id="17562" name="Check Box 154" hidden="1">
              <a:extLst>
                <a:ext uri="{63B3BB69-23CF-44E3-9099-C40C66FF867C}">
                  <a14:compatExt spid="_x0000_s1756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9</xdr:row>
          <xdr:rowOff>142875</xdr:rowOff>
        </xdr:from>
        <xdr:to>
          <xdr:col>24</xdr:col>
          <xdr:colOff>104775</xdr:colOff>
          <xdr:row>121</xdr:row>
          <xdr:rowOff>38100</xdr:rowOff>
        </xdr:to>
        <xdr:sp macro="" textlink="">
          <xdr:nvSpPr>
            <xdr:cNvPr id="17563" name="Check Box 155" hidden="1">
              <a:extLst>
                <a:ext uri="{63B3BB69-23CF-44E3-9099-C40C66FF867C}">
                  <a14:compatExt spid="_x0000_s1756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20</xdr:row>
          <xdr:rowOff>142875</xdr:rowOff>
        </xdr:from>
        <xdr:to>
          <xdr:col>31</xdr:col>
          <xdr:colOff>104775</xdr:colOff>
          <xdr:row>122</xdr:row>
          <xdr:rowOff>38100</xdr:rowOff>
        </xdr:to>
        <xdr:sp macro="" textlink="">
          <xdr:nvSpPr>
            <xdr:cNvPr id="17564" name="Check Box 156" hidden="1">
              <a:extLst>
                <a:ext uri="{63B3BB69-23CF-44E3-9099-C40C66FF867C}">
                  <a14:compatExt spid="_x0000_s1756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120</xdr:row>
          <xdr:rowOff>142875</xdr:rowOff>
        </xdr:from>
        <xdr:to>
          <xdr:col>57</xdr:col>
          <xdr:colOff>104775</xdr:colOff>
          <xdr:row>122</xdr:row>
          <xdr:rowOff>38100</xdr:rowOff>
        </xdr:to>
        <xdr:sp macro="" textlink="">
          <xdr:nvSpPr>
            <xdr:cNvPr id="17565" name="Check Box 157" hidden="1">
              <a:extLst>
                <a:ext uri="{63B3BB69-23CF-44E3-9099-C40C66FF867C}">
                  <a14:compatExt spid="_x0000_s1756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20</xdr:row>
          <xdr:rowOff>142875</xdr:rowOff>
        </xdr:from>
        <xdr:to>
          <xdr:col>25</xdr:col>
          <xdr:colOff>104775</xdr:colOff>
          <xdr:row>122</xdr:row>
          <xdr:rowOff>38100</xdr:rowOff>
        </xdr:to>
        <xdr:sp macro="" textlink="">
          <xdr:nvSpPr>
            <xdr:cNvPr id="17566" name="Check Box 158" hidden="1">
              <a:extLst>
                <a:ext uri="{63B3BB69-23CF-44E3-9099-C40C66FF867C}">
                  <a14:compatExt spid="_x0000_s1756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6</xdr:row>
          <xdr:rowOff>142875</xdr:rowOff>
        </xdr:from>
        <xdr:to>
          <xdr:col>8</xdr:col>
          <xdr:colOff>104775</xdr:colOff>
          <xdr:row>128</xdr:row>
          <xdr:rowOff>38100</xdr:rowOff>
        </xdr:to>
        <xdr:sp macro="" textlink="">
          <xdr:nvSpPr>
            <xdr:cNvPr id="17567" name="Check Box 159" hidden="1">
              <a:extLst>
                <a:ext uri="{63B3BB69-23CF-44E3-9099-C40C66FF867C}">
                  <a14:compatExt spid="_x0000_s1756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1</xdr:row>
          <xdr:rowOff>142875</xdr:rowOff>
        </xdr:from>
        <xdr:to>
          <xdr:col>8</xdr:col>
          <xdr:colOff>104775</xdr:colOff>
          <xdr:row>123</xdr:row>
          <xdr:rowOff>38100</xdr:rowOff>
        </xdr:to>
        <xdr:sp macro="" textlink="">
          <xdr:nvSpPr>
            <xdr:cNvPr id="17568" name="Check Box 160" hidden="1">
              <a:extLst>
                <a:ext uri="{63B3BB69-23CF-44E3-9099-C40C66FF867C}">
                  <a14:compatExt spid="_x0000_s1756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18</xdr:row>
          <xdr:rowOff>0</xdr:rowOff>
        </xdr:from>
        <xdr:to>
          <xdr:col>8</xdr:col>
          <xdr:colOff>114300</xdr:colOff>
          <xdr:row>119</xdr:row>
          <xdr:rowOff>38100</xdr:rowOff>
        </xdr:to>
        <xdr:sp macro="" textlink="">
          <xdr:nvSpPr>
            <xdr:cNvPr id="17569" name="Check Box 161" hidden="1">
              <a:extLst>
                <a:ext uri="{63B3BB69-23CF-44E3-9099-C40C66FF867C}">
                  <a14:compatExt spid="_x0000_s1756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1</xdr:row>
          <xdr:rowOff>142875</xdr:rowOff>
        </xdr:from>
        <xdr:to>
          <xdr:col>24</xdr:col>
          <xdr:colOff>104775</xdr:colOff>
          <xdr:row>123</xdr:row>
          <xdr:rowOff>38100</xdr:rowOff>
        </xdr:to>
        <xdr:sp macro="" textlink="">
          <xdr:nvSpPr>
            <xdr:cNvPr id="17570" name="Check Box 162" hidden="1">
              <a:extLst>
                <a:ext uri="{63B3BB69-23CF-44E3-9099-C40C66FF867C}">
                  <a14:compatExt spid="_x0000_s1757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23</xdr:row>
          <xdr:rowOff>161925</xdr:rowOff>
        </xdr:from>
        <xdr:to>
          <xdr:col>24</xdr:col>
          <xdr:colOff>114300</xdr:colOff>
          <xdr:row>125</xdr:row>
          <xdr:rowOff>28575</xdr:rowOff>
        </xdr:to>
        <xdr:sp macro="" textlink="">
          <xdr:nvSpPr>
            <xdr:cNvPr id="17571" name="Check Box 163" hidden="1">
              <a:extLst>
                <a:ext uri="{63B3BB69-23CF-44E3-9099-C40C66FF867C}">
                  <a14:compatExt spid="_x0000_s1757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6</xdr:row>
          <xdr:rowOff>142875</xdr:rowOff>
        </xdr:from>
        <xdr:to>
          <xdr:col>24</xdr:col>
          <xdr:colOff>104775</xdr:colOff>
          <xdr:row>128</xdr:row>
          <xdr:rowOff>38100</xdr:rowOff>
        </xdr:to>
        <xdr:sp macro="" textlink="">
          <xdr:nvSpPr>
            <xdr:cNvPr id="17572" name="Check Box 164" hidden="1">
              <a:extLst>
                <a:ext uri="{63B3BB69-23CF-44E3-9099-C40C66FF867C}">
                  <a14:compatExt spid="_x0000_s1757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9</xdr:row>
          <xdr:rowOff>142875</xdr:rowOff>
        </xdr:from>
        <xdr:to>
          <xdr:col>24</xdr:col>
          <xdr:colOff>104775</xdr:colOff>
          <xdr:row>131</xdr:row>
          <xdr:rowOff>38100</xdr:rowOff>
        </xdr:to>
        <xdr:sp macro="" textlink="">
          <xdr:nvSpPr>
            <xdr:cNvPr id="17573" name="Check Box 165" hidden="1">
              <a:extLst>
                <a:ext uri="{63B3BB69-23CF-44E3-9099-C40C66FF867C}">
                  <a14:compatExt spid="_x0000_s1757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9</xdr:row>
          <xdr:rowOff>142875</xdr:rowOff>
        </xdr:from>
        <xdr:to>
          <xdr:col>8</xdr:col>
          <xdr:colOff>104775</xdr:colOff>
          <xdr:row>131</xdr:row>
          <xdr:rowOff>38100</xdr:rowOff>
        </xdr:to>
        <xdr:sp macro="" textlink="">
          <xdr:nvSpPr>
            <xdr:cNvPr id="17574" name="Check Box 166" hidden="1">
              <a:extLst>
                <a:ext uri="{63B3BB69-23CF-44E3-9099-C40C66FF867C}">
                  <a14:compatExt spid="_x0000_s1757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31</xdr:row>
          <xdr:rowOff>142875</xdr:rowOff>
        </xdr:from>
        <xdr:to>
          <xdr:col>8</xdr:col>
          <xdr:colOff>114300</xdr:colOff>
          <xdr:row>133</xdr:row>
          <xdr:rowOff>38100</xdr:rowOff>
        </xdr:to>
        <xdr:sp macro="" textlink="">
          <xdr:nvSpPr>
            <xdr:cNvPr id="17575" name="Check Box 167" hidden="1">
              <a:extLst>
                <a:ext uri="{63B3BB69-23CF-44E3-9099-C40C66FF867C}">
                  <a14:compatExt spid="_x0000_s1757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4</xdr:row>
          <xdr:rowOff>142875</xdr:rowOff>
        </xdr:from>
        <xdr:to>
          <xdr:col>8</xdr:col>
          <xdr:colOff>104775</xdr:colOff>
          <xdr:row>136</xdr:row>
          <xdr:rowOff>38100</xdr:rowOff>
        </xdr:to>
        <xdr:sp macro="" textlink="">
          <xdr:nvSpPr>
            <xdr:cNvPr id="17576" name="Check Box 168" hidden="1">
              <a:extLst>
                <a:ext uri="{63B3BB69-23CF-44E3-9099-C40C66FF867C}">
                  <a14:compatExt spid="_x0000_s1757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6</xdr:row>
          <xdr:rowOff>142875</xdr:rowOff>
        </xdr:from>
        <xdr:to>
          <xdr:col>8</xdr:col>
          <xdr:colOff>104775</xdr:colOff>
          <xdr:row>138</xdr:row>
          <xdr:rowOff>38100</xdr:rowOff>
        </xdr:to>
        <xdr:sp macro="" textlink="">
          <xdr:nvSpPr>
            <xdr:cNvPr id="17577" name="Check Box 169" hidden="1">
              <a:extLst>
                <a:ext uri="{63B3BB69-23CF-44E3-9099-C40C66FF867C}">
                  <a14:compatExt spid="_x0000_s1757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1</xdr:row>
          <xdr:rowOff>142875</xdr:rowOff>
        </xdr:from>
        <xdr:to>
          <xdr:col>24</xdr:col>
          <xdr:colOff>104775</xdr:colOff>
          <xdr:row>133</xdr:row>
          <xdr:rowOff>38100</xdr:rowOff>
        </xdr:to>
        <xdr:sp macro="" textlink="">
          <xdr:nvSpPr>
            <xdr:cNvPr id="17578" name="Check Box 170" hidden="1">
              <a:extLst>
                <a:ext uri="{63B3BB69-23CF-44E3-9099-C40C66FF867C}">
                  <a14:compatExt spid="_x0000_s1757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4</xdr:row>
          <xdr:rowOff>142875</xdr:rowOff>
        </xdr:from>
        <xdr:to>
          <xdr:col>24</xdr:col>
          <xdr:colOff>104775</xdr:colOff>
          <xdr:row>136</xdr:row>
          <xdr:rowOff>38100</xdr:rowOff>
        </xdr:to>
        <xdr:sp macro="" textlink="">
          <xdr:nvSpPr>
            <xdr:cNvPr id="17579" name="Check Box 171" hidden="1">
              <a:extLst>
                <a:ext uri="{63B3BB69-23CF-44E3-9099-C40C66FF867C}">
                  <a14:compatExt spid="_x0000_s1757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6</xdr:row>
          <xdr:rowOff>142875</xdr:rowOff>
        </xdr:from>
        <xdr:to>
          <xdr:col>24</xdr:col>
          <xdr:colOff>104775</xdr:colOff>
          <xdr:row>138</xdr:row>
          <xdr:rowOff>38100</xdr:rowOff>
        </xdr:to>
        <xdr:sp macro="" textlink="">
          <xdr:nvSpPr>
            <xdr:cNvPr id="17580" name="Check Box 172" hidden="1">
              <a:extLst>
                <a:ext uri="{63B3BB69-23CF-44E3-9099-C40C66FF867C}">
                  <a14:compatExt spid="_x0000_s1758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7</xdr:row>
          <xdr:rowOff>142875</xdr:rowOff>
        </xdr:from>
        <xdr:to>
          <xdr:col>24</xdr:col>
          <xdr:colOff>104775</xdr:colOff>
          <xdr:row>139</xdr:row>
          <xdr:rowOff>38100</xdr:rowOff>
        </xdr:to>
        <xdr:sp macro="" textlink="">
          <xdr:nvSpPr>
            <xdr:cNvPr id="17581" name="Check Box 173" hidden="1">
              <a:extLst>
                <a:ext uri="{63B3BB69-23CF-44E3-9099-C40C66FF867C}">
                  <a14:compatExt spid="_x0000_s1758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8</xdr:row>
          <xdr:rowOff>142875</xdr:rowOff>
        </xdr:from>
        <xdr:to>
          <xdr:col>24</xdr:col>
          <xdr:colOff>104775</xdr:colOff>
          <xdr:row>140</xdr:row>
          <xdr:rowOff>38100</xdr:rowOff>
        </xdr:to>
        <xdr:sp macro="" textlink="">
          <xdr:nvSpPr>
            <xdr:cNvPr id="17582" name="Check Box 174" hidden="1">
              <a:extLst>
                <a:ext uri="{63B3BB69-23CF-44E3-9099-C40C66FF867C}">
                  <a14:compatExt spid="_x0000_s1758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9</xdr:row>
          <xdr:rowOff>142875</xdr:rowOff>
        </xdr:from>
        <xdr:to>
          <xdr:col>24</xdr:col>
          <xdr:colOff>104775</xdr:colOff>
          <xdr:row>141</xdr:row>
          <xdr:rowOff>38100</xdr:rowOff>
        </xdr:to>
        <xdr:sp macro="" textlink="">
          <xdr:nvSpPr>
            <xdr:cNvPr id="17583" name="Check Box 175" hidden="1">
              <a:extLst>
                <a:ext uri="{63B3BB69-23CF-44E3-9099-C40C66FF867C}">
                  <a14:compatExt spid="_x0000_s1758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6</xdr:row>
          <xdr:rowOff>142875</xdr:rowOff>
        </xdr:from>
        <xdr:to>
          <xdr:col>30</xdr:col>
          <xdr:colOff>104775</xdr:colOff>
          <xdr:row>138</xdr:row>
          <xdr:rowOff>38100</xdr:rowOff>
        </xdr:to>
        <xdr:sp macro="" textlink="">
          <xdr:nvSpPr>
            <xdr:cNvPr id="17584" name="Check Box 176" hidden="1">
              <a:extLst>
                <a:ext uri="{63B3BB69-23CF-44E3-9099-C40C66FF867C}">
                  <a14:compatExt spid="_x0000_s1758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7</xdr:row>
          <xdr:rowOff>142875</xdr:rowOff>
        </xdr:from>
        <xdr:to>
          <xdr:col>30</xdr:col>
          <xdr:colOff>104775</xdr:colOff>
          <xdr:row>139</xdr:row>
          <xdr:rowOff>38100</xdr:rowOff>
        </xdr:to>
        <xdr:sp macro="" textlink="">
          <xdr:nvSpPr>
            <xdr:cNvPr id="17585" name="Check Box 177" hidden="1">
              <a:extLst>
                <a:ext uri="{63B3BB69-23CF-44E3-9099-C40C66FF867C}">
                  <a14:compatExt spid="_x0000_s1758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6</xdr:row>
          <xdr:rowOff>161925</xdr:rowOff>
        </xdr:from>
        <xdr:to>
          <xdr:col>38</xdr:col>
          <xdr:colOff>85725</xdr:colOff>
          <xdr:row>138</xdr:row>
          <xdr:rowOff>28575</xdr:rowOff>
        </xdr:to>
        <xdr:sp macro="" textlink="">
          <xdr:nvSpPr>
            <xdr:cNvPr id="17586" name="Check Box 178" hidden="1">
              <a:extLst>
                <a:ext uri="{63B3BB69-23CF-44E3-9099-C40C66FF867C}">
                  <a14:compatExt spid="_x0000_s1758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7</xdr:row>
          <xdr:rowOff>152400</xdr:rowOff>
        </xdr:from>
        <xdr:to>
          <xdr:col>37</xdr:col>
          <xdr:colOff>114300</xdr:colOff>
          <xdr:row>139</xdr:row>
          <xdr:rowOff>19050</xdr:rowOff>
        </xdr:to>
        <xdr:sp macro="" textlink="">
          <xdr:nvSpPr>
            <xdr:cNvPr id="17587" name="Check Box 179" hidden="1">
              <a:extLst>
                <a:ext uri="{63B3BB69-23CF-44E3-9099-C40C66FF867C}">
                  <a14:compatExt spid="_x0000_s1758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52400</xdr:colOff>
          <xdr:row>136</xdr:row>
          <xdr:rowOff>161925</xdr:rowOff>
        </xdr:from>
        <xdr:to>
          <xdr:col>45</xdr:col>
          <xdr:colOff>95250</xdr:colOff>
          <xdr:row>138</xdr:row>
          <xdr:rowOff>28575</xdr:rowOff>
        </xdr:to>
        <xdr:sp macro="" textlink="">
          <xdr:nvSpPr>
            <xdr:cNvPr id="17588" name="Check Box 180" hidden="1">
              <a:extLst>
                <a:ext uri="{63B3BB69-23CF-44E3-9099-C40C66FF867C}">
                  <a14:compatExt spid="_x0000_s1758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61925</xdr:colOff>
          <xdr:row>137</xdr:row>
          <xdr:rowOff>152400</xdr:rowOff>
        </xdr:from>
        <xdr:to>
          <xdr:col>43</xdr:col>
          <xdr:colOff>104775</xdr:colOff>
          <xdr:row>139</xdr:row>
          <xdr:rowOff>19050</xdr:rowOff>
        </xdr:to>
        <xdr:sp macro="" textlink="">
          <xdr:nvSpPr>
            <xdr:cNvPr id="17589" name="Check Box 181" hidden="1">
              <a:extLst>
                <a:ext uri="{63B3BB69-23CF-44E3-9099-C40C66FF867C}">
                  <a14:compatExt spid="_x0000_s1758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52400</xdr:colOff>
          <xdr:row>136</xdr:row>
          <xdr:rowOff>152400</xdr:rowOff>
        </xdr:from>
        <xdr:to>
          <xdr:col>50</xdr:col>
          <xdr:colOff>95250</xdr:colOff>
          <xdr:row>138</xdr:row>
          <xdr:rowOff>19050</xdr:rowOff>
        </xdr:to>
        <xdr:sp macro="" textlink="">
          <xdr:nvSpPr>
            <xdr:cNvPr id="17590" name="Check Box 182" hidden="1">
              <a:extLst>
                <a:ext uri="{63B3BB69-23CF-44E3-9099-C40C66FF867C}">
                  <a14:compatExt spid="_x0000_s1759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9</xdr:row>
          <xdr:rowOff>142875</xdr:rowOff>
        </xdr:from>
        <xdr:to>
          <xdr:col>8</xdr:col>
          <xdr:colOff>104775</xdr:colOff>
          <xdr:row>141</xdr:row>
          <xdr:rowOff>38100</xdr:rowOff>
        </xdr:to>
        <xdr:sp macro="" textlink="">
          <xdr:nvSpPr>
            <xdr:cNvPr id="17591" name="Check Box 183" hidden="1">
              <a:extLst>
                <a:ext uri="{63B3BB69-23CF-44E3-9099-C40C66FF867C}">
                  <a14:compatExt spid="_x0000_s1759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3</xdr:row>
          <xdr:rowOff>142875</xdr:rowOff>
        </xdr:from>
        <xdr:to>
          <xdr:col>24</xdr:col>
          <xdr:colOff>104775</xdr:colOff>
          <xdr:row>145</xdr:row>
          <xdr:rowOff>38100</xdr:rowOff>
        </xdr:to>
        <xdr:sp macro="" textlink="">
          <xdr:nvSpPr>
            <xdr:cNvPr id="17592" name="Check Box 184" hidden="1">
              <a:extLst>
                <a:ext uri="{63B3BB69-23CF-44E3-9099-C40C66FF867C}">
                  <a14:compatExt spid="_x0000_s1759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5</xdr:row>
          <xdr:rowOff>142875</xdr:rowOff>
        </xdr:from>
        <xdr:to>
          <xdr:col>24</xdr:col>
          <xdr:colOff>104775</xdr:colOff>
          <xdr:row>147</xdr:row>
          <xdr:rowOff>38100</xdr:rowOff>
        </xdr:to>
        <xdr:sp macro="" textlink="">
          <xdr:nvSpPr>
            <xdr:cNvPr id="17593" name="Check Box 185" hidden="1">
              <a:extLst>
                <a:ext uri="{63B3BB69-23CF-44E3-9099-C40C66FF867C}">
                  <a14:compatExt spid="_x0000_s1759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6</xdr:row>
          <xdr:rowOff>142875</xdr:rowOff>
        </xdr:from>
        <xdr:to>
          <xdr:col>24</xdr:col>
          <xdr:colOff>104775</xdr:colOff>
          <xdr:row>148</xdr:row>
          <xdr:rowOff>38100</xdr:rowOff>
        </xdr:to>
        <xdr:sp macro="" textlink="">
          <xdr:nvSpPr>
            <xdr:cNvPr id="17594" name="Check Box 186" hidden="1">
              <a:extLst>
                <a:ext uri="{63B3BB69-23CF-44E3-9099-C40C66FF867C}">
                  <a14:compatExt spid="_x0000_s1759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99</xdr:row>
          <xdr:rowOff>142875</xdr:rowOff>
        </xdr:from>
        <xdr:to>
          <xdr:col>24</xdr:col>
          <xdr:colOff>114300</xdr:colOff>
          <xdr:row>101</xdr:row>
          <xdr:rowOff>38100</xdr:rowOff>
        </xdr:to>
        <xdr:sp macro="" textlink="">
          <xdr:nvSpPr>
            <xdr:cNvPr id="17595" name="Check Box 187" hidden="1">
              <a:extLst>
                <a:ext uri="{63B3BB69-23CF-44E3-9099-C40C66FF867C}">
                  <a14:compatExt spid="_x0000_s1759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0</xdr:row>
          <xdr:rowOff>142875</xdr:rowOff>
        </xdr:from>
        <xdr:to>
          <xdr:col>24</xdr:col>
          <xdr:colOff>114300</xdr:colOff>
          <xdr:row>102</xdr:row>
          <xdr:rowOff>38100</xdr:rowOff>
        </xdr:to>
        <xdr:sp macro="" textlink="">
          <xdr:nvSpPr>
            <xdr:cNvPr id="17596" name="Check Box 188" hidden="1">
              <a:extLst>
                <a:ext uri="{63B3BB69-23CF-44E3-9099-C40C66FF867C}">
                  <a14:compatExt spid="_x0000_s1759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2</xdr:row>
          <xdr:rowOff>142875</xdr:rowOff>
        </xdr:from>
        <xdr:to>
          <xdr:col>24</xdr:col>
          <xdr:colOff>114300</xdr:colOff>
          <xdr:row>104</xdr:row>
          <xdr:rowOff>38100</xdr:rowOff>
        </xdr:to>
        <xdr:sp macro="" textlink="">
          <xdr:nvSpPr>
            <xdr:cNvPr id="17597" name="Check Box 189" hidden="1">
              <a:extLst>
                <a:ext uri="{63B3BB69-23CF-44E3-9099-C40C66FF867C}">
                  <a14:compatExt spid="_x0000_s1759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3</xdr:row>
          <xdr:rowOff>142875</xdr:rowOff>
        </xdr:from>
        <xdr:to>
          <xdr:col>24</xdr:col>
          <xdr:colOff>114300</xdr:colOff>
          <xdr:row>105</xdr:row>
          <xdr:rowOff>38100</xdr:rowOff>
        </xdr:to>
        <xdr:sp macro="" textlink="">
          <xdr:nvSpPr>
            <xdr:cNvPr id="17598" name="Check Box 190" hidden="1">
              <a:extLst>
                <a:ext uri="{63B3BB69-23CF-44E3-9099-C40C66FF867C}">
                  <a14:compatExt spid="_x0000_s1759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4</xdr:row>
          <xdr:rowOff>142875</xdr:rowOff>
        </xdr:from>
        <xdr:to>
          <xdr:col>24</xdr:col>
          <xdr:colOff>114300</xdr:colOff>
          <xdr:row>106</xdr:row>
          <xdr:rowOff>38100</xdr:rowOff>
        </xdr:to>
        <xdr:sp macro="" textlink="">
          <xdr:nvSpPr>
            <xdr:cNvPr id="17599" name="Check Box 191" hidden="1">
              <a:extLst>
                <a:ext uri="{63B3BB69-23CF-44E3-9099-C40C66FF867C}">
                  <a14:compatExt spid="_x0000_s1759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3</xdr:row>
          <xdr:rowOff>152400</xdr:rowOff>
        </xdr:from>
        <xdr:to>
          <xdr:col>24</xdr:col>
          <xdr:colOff>114300</xdr:colOff>
          <xdr:row>25</xdr:row>
          <xdr:rowOff>19050</xdr:rowOff>
        </xdr:to>
        <xdr:sp macro="" textlink="">
          <xdr:nvSpPr>
            <xdr:cNvPr id="17600" name="Check Box 192" hidden="1">
              <a:extLst>
                <a:ext uri="{63B3BB69-23CF-44E3-9099-C40C66FF867C}">
                  <a14:compatExt spid="_x0000_s1760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7</xdr:row>
          <xdr:rowOff>152400</xdr:rowOff>
        </xdr:from>
        <xdr:to>
          <xdr:col>25</xdr:col>
          <xdr:colOff>104775</xdr:colOff>
          <xdr:row>109</xdr:row>
          <xdr:rowOff>19050</xdr:rowOff>
        </xdr:to>
        <xdr:sp macro="" textlink="">
          <xdr:nvSpPr>
            <xdr:cNvPr id="17601" name="Check Box 193" hidden="1">
              <a:extLst>
                <a:ext uri="{63B3BB69-23CF-44E3-9099-C40C66FF867C}">
                  <a14:compatExt spid="_x0000_s1760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3</xdr:row>
          <xdr:rowOff>152400</xdr:rowOff>
        </xdr:from>
        <xdr:to>
          <xdr:col>38</xdr:col>
          <xdr:colOff>95250</xdr:colOff>
          <xdr:row>5</xdr:row>
          <xdr:rowOff>38100</xdr:rowOff>
        </xdr:to>
        <xdr:sp macro="" textlink="">
          <xdr:nvSpPr>
            <xdr:cNvPr id="17602" name="Check Box 194" hidden="1">
              <a:extLst>
                <a:ext uri="{63B3BB69-23CF-44E3-9099-C40C66FF867C}">
                  <a14:compatExt spid="_x0000_s1760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0</xdr:row>
          <xdr:rowOff>152400</xdr:rowOff>
        </xdr:from>
        <xdr:to>
          <xdr:col>24</xdr:col>
          <xdr:colOff>114300</xdr:colOff>
          <xdr:row>22</xdr:row>
          <xdr:rowOff>38100</xdr:rowOff>
        </xdr:to>
        <xdr:sp macro="" textlink="">
          <xdr:nvSpPr>
            <xdr:cNvPr id="17603" name="Check Box 195" hidden="1">
              <a:extLst>
                <a:ext uri="{63B3BB69-23CF-44E3-9099-C40C66FF867C}">
                  <a14:compatExt spid="_x0000_s1760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4</xdr:row>
          <xdr:rowOff>152400</xdr:rowOff>
        </xdr:from>
        <xdr:to>
          <xdr:col>24</xdr:col>
          <xdr:colOff>114300</xdr:colOff>
          <xdr:row>26</xdr:row>
          <xdr:rowOff>19050</xdr:rowOff>
        </xdr:to>
        <xdr:sp macro="" textlink="">
          <xdr:nvSpPr>
            <xdr:cNvPr id="17604" name="Check Box 196" hidden="1">
              <a:extLst>
                <a:ext uri="{63B3BB69-23CF-44E3-9099-C40C66FF867C}">
                  <a14:compatExt spid="_x0000_s1760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5</xdr:row>
          <xdr:rowOff>152400</xdr:rowOff>
        </xdr:from>
        <xdr:to>
          <xdr:col>24</xdr:col>
          <xdr:colOff>114300</xdr:colOff>
          <xdr:row>27</xdr:row>
          <xdr:rowOff>19050</xdr:rowOff>
        </xdr:to>
        <xdr:sp macro="" textlink="">
          <xdr:nvSpPr>
            <xdr:cNvPr id="17605" name="Check Box 197" hidden="1">
              <a:extLst>
                <a:ext uri="{63B3BB69-23CF-44E3-9099-C40C66FF867C}">
                  <a14:compatExt spid="_x0000_s1760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6</xdr:row>
          <xdr:rowOff>152400</xdr:rowOff>
        </xdr:from>
        <xdr:to>
          <xdr:col>24</xdr:col>
          <xdr:colOff>114300</xdr:colOff>
          <xdr:row>28</xdr:row>
          <xdr:rowOff>19050</xdr:rowOff>
        </xdr:to>
        <xdr:sp macro="" textlink="">
          <xdr:nvSpPr>
            <xdr:cNvPr id="17606" name="Check Box 198" hidden="1">
              <a:extLst>
                <a:ext uri="{63B3BB69-23CF-44E3-9099-C40C66FF867C}">
                  <a14:compatExt spid="_x0000_s1760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7</xdr:row>
          <xdr:rowOff>152400</xdr:rowOff>
        </xdr:from>
        <xdr:to>
          <xdr:col>24</xdr:col>
          <xdr:colOff>114300</xdr:colOff>
          <xdr:row>29</xdr:row>
          <xdr:rowOff>19050</xdr:rowOff>
        </xdr:to>
        <xdr:sp macro="" textlink="">
          <xdr:nvSpPr>
            <xdr:cNvPr id="17607" name="Check Box 199" hidden="1">
              <a:extLst>
                <a:ext uri="{63B3BB69-23CF-44E3-9099-C40C66FF867C}">
                  <a14:compatExt spid="_x0000_s1760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8</xdr:row>
          <xdr:rowOff>152400</xdr:rowOff>
        </xdr:from>
        <xdr:to>
          <xdr:col>24</xdr:col>
          <xdr:colOff>114300</xdr:colOff>
          <xdr:row>30</xdr:row>
          <xdr:rowOff>19050</xdr:rowOff>
        </xdr:to>
        <xdr:sp macro="" textlink="">
          <xdr:nvSpPr>
            <xdr:cNvPr id="17608" name="Check Box 200" hidden="1">
              <a:extLst>
                <a:ext uri="{63B3BB69-23CF-44E3-9099-C40C66FF867C}">
                  <a14:compatExt spid="_x0000_s1760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9</xdr:row>
          <xdr:rowOff>152400</xdr:rowOff>
        </xdr:from>
        <xdr:to>
          <xdr:col>24</xdr:col>
          <xdr:colOff>114300</xdr:colOff>
          <xdr:row>31</xdr:row>
          <xdr:rowOff>19050</xdr:rowOff>
        </xdr:to>
        <xdr:sp macro="" textlink="">
          <xdr:nvSpPr>
            <xdr:cNvPr id="17609" name="Check Box 201" hidden="1">
              <a:extLst>
                <a:ext uri="{63B3BB69-23CF-44E3-9099-C40C66FF867C}">
                  <a14:compatExt spid="_x0000_s1760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5</xdr:row>
          <xdr:rowOff>152400</xdr:rowOff>
        </xdr:from>
        <xdr:to>
          <xdr:col>8</xdr:col>
          <xdr:colOff>114300</xdr:colOff>
          <xdr:row>17</xdr:row>
          <xdr:rowOff>19050</xdr:rowOff>
        </xdr:to>
        <xdr:sp macro="" textlink="">
          <xdr:nvSpPr>
            <xdr:cNvPr id="17610" name="Check Box 202" hidden="1">
              <a:extLst>
                <a:ext uri="{63B3BB69-23CF-44E3-9099-C40C66FF867C}">
                  <a14:compatExt spid="_x0000_s1761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8</xdr:row>
          <xdr:rowOff>152400</xdr:rowOff>
        </xdr:from>
        <xdr:to>
          <xdr:col>8</xdr:col>
          <xdr:colOff>114300</xdr:colOff>
          <xdr:row>20</xdr:row>
          <xdr:rowOff>19050</xdr:rowOff>
        </xdr:to>
        <xdr:sp macro="" textlink="">
          <xdr:nvSpPr>
            <xdr:cNvPr id="17611" name="Check Box 203" hidden="1">
              <a:extLst>
                <a:ext uri="{63B3BB69-23CF-44E3-9099-C40C66FF867C}">
                  <a14:compatExt spid="_x0000_s1761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0</xdr:row>
          <xdr:rowOff>152400</xdr:rowOff>
        </xdr:from>
        <xdr:to>
          <xdr:col>8</xdr:col>
          <xdr:colOff>114300</xdr:colOff>
          <xdr:row>22</xdr:row>
          <xdr:rowOff>19050</xdr:rowOff>
        </xdr:to>
        <xdr:sp macro="" textlink="">
          <xdr:nvSpPr>
            <xdr:cNvPr id="17612" name="Check Box 204" hidden="1">
              <a:extLst>
                <a:ext uri="{63B3BB69-23CF-44E3-9099-C40C66FF867C}">
                  <a14:compatExt spid="_x0000_s1761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1</xdr:row>
          <xdr:rowOff>152400</xdr:rowOff>
        </xdr:from>
        <xdr:to>
          <xdr:col>8</xdr:col>
          <xdr:colOff>114300</xdr:colOff>
          <xdr:row>23</xdr:row>
          <xdr:rowOff>19050</xdr:rowOff>
        </xdr:to>
        <xdr:sp macro="" textlink="">
          <xdr:nvSpPr>
            <xdr:cNvPr id="17613" name="Check Box 205" hidden="1">
              <a:extLst>
                <a:ext uri="{63B3BB69-23CF-44E3-9099-C40C66FF867C}">
                  <a14:compatExt spid="_x0000_s1761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3</xdr:row>
          <xdr:rowOff>152400</xdr:rowOff>
        </xdr:from>
        <xdr:to>
          <xdr:col>8</xdr:col>
          <xdr:colOff>114300</xdr:colOff>
          <xdr:row>25</xdr:row>
          <xdr:rowOff>19050</xdr:rowOff>
        </xdr:to>
        <xdr:sp macro="" textlink="">
          <xdr:nvSpPr>
            <xdr:cNvPr id="17614" name="Check Box 206" hidden="1">
              <a:extLst>
                <a:ext uri="{63B3BB69-23CF-44E3-9099-C40C66FF867C}">
                  <a14:compatExt spid="_x0000_s1761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5</xdr:row>
          <xdr:rowOff>152400</xdr:rowOff>
        </xdr:from>
        <xdr:to>
          <xdr:col>8</xdr:col>
          <xdr:colOff>114300</xdr:colOff>
          <xdr:row>27</xdr:row>
          <xdr:rowOff>19050</xdr:rowOff>
        </xdr:to>
        <xdr:sp macro="" textlink="">
          <xdr:nvSpPr>
            <xdr:cNvPr id="17615" name="Check Box 207" hidden="1">
              <a:extLst>
                <a:ext uri="{63B3BB69-23CF-44E3-9099-C40C66FF867C}">
                  <a14:compatExt spid="_x0000_s1761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29</xdr:row>
          <xdr:rowOff>152400</xdr:rowOff>
        </xdr:from>
        <xdr:to>
          <xdr:col>8</xdr:col>
          <xdr:colOff>114300</xdr:colOff>
          <xdr:row>31</xdr:row>
          <xdr:rowOff>19050</xdr:rowOff>
        </xdr:to>
        <xdr:sp macro="" textlink="">
          <xdr:nvSpPr>
            <xdr:cNvPr id="17616" name="Check Box 208" hidden="1">
              <a:extLst>
                <a:ext uri="{63B3BB69-23CF-44E3-9099-C40C66FF867C}">
                  <a14:compatExt spid="_x0000_s1761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8</xdr:row>
          <xdr:rowOff>152400</xdr:rowOff>
        </xdr:from>
        <xdr:to>
          <xdr:col>8</xdr:col>
          <xdr:colOff>114300</xdr:colOff>
          <xdr:row>10</xdr:row>
          <xdr:rowOff>19050</xdr:rowOff>
        </xdr:to>
        <xdr:sp macro="" textlink="">
          <xdr:nvSpPr>
            <xdr:cNvPr id="17617" name="Check Box 209" hidden="1">
              <a:extLst>
                <a:ext uri="{63B3BB69-23CF-44E3-9099-C40C66FF867C}">
                  <a14:compatExt spid="_x0000_s1761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xdr:row>
          <xdr:rowOff>152400</xdr:rowOff>
        </xdr:from>
        <xdr:to>
          <xdr:col>24</xdr:col>
          <xdr:colOff>114300</xdr:colOff>
          <xdr:row>8</xdr:row>
          <xdr:rowOff>19050</xdr:rowOff>
        </xdr:to>
        <xdr:sp macro="" textlink="">
          <xdr:nvSpPr>
            <xdr:cNvPr id="17618" name="Check Box 210" hidden="1">
              <a:extLst>
                <a:ext uri="{63B3BB69-23CF-44E3-9099-C40C66FF867C}">
                  <a14:compatExt spid="_x0000_s1761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1</xdr:row>
          <xdr:rowOff>152400</xdr:rowOff>
        </xdr:from>
        <xdr:to>
          <xdr:col>24</xdr:col>
          <xdr:colOff>104775</xdr:colOff>
          <xdr:row>53</xdr:row>
          <xdr:rowOff>38100</xdr:rowOff>
        </xdr:to>
        <xdr:sp macro="" textlink="">
          <xdr:nvSpPr>
            <xdr:cNvPr id="17619" name="Check Box 211" hidden="1">
              <a:extLst>
                <a:ext uri="{63B3BB69-23CF-44E3-9099-C40C66FF867C}">
                  <a14:compatExt spid="_x0000_s1761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2</xdr:row>
          <xdr:rowOff>152400</xdr:rowOff>
        </xdr:from>
        <xdr:to>
          <xdr:col>24</xdr:col>
          <xdr:colOff>104775</xdr:colOff>
          <xdr:row>54</xdr:row>
          <xdr:rowOff>38100</xdr:rowOff>
        </xdr:to>
        <xdr:sp macro="" textlink="">
          <xdr:nvSpPr>
            <xdr:cNvPr id="17620" name="Check Box 212" hidden="1">
              <a:extLst>
                <a:ext uri="{63B3BB69-23CF-44E3-9099-C40C66FF867C}">
                  <a14:compatExt spid="_x0000_s1762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0</xdr:row>
          <xdr:rowOff>152400</xdr:rowOff>
        </xdr:from>
        <xdr:to>
          <xdr:col>24</xdr:col>
          <xdr:colOff>104775</xdr:colOff>
          <xdr:row>62</xdr:row>
          <xdr:rowOff>38100</xdr:rowOff>
        </xdr:to>
        <xdr:sp macro="" textlink="">
          <xdr:nvSpPr>
            <xdr:cNvPr id="17621" name="Check Box 213" hidden="1">
              <a:extLst>
                <a:ext uri="{63B3BB69-23CF-44E3-9099-C40C66FF867C}">
                  <a14:compatExt spid="_x0000_s1762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1</xdr:row>
          <xdr:rowOff>152400</xdr:rowOff>
        </xdr:from>
        <xdr:to>
          <xdr:col>24</xdr:col>
          <xdr:colOff>104775</xdr:colOff>
          <xdr:row>63</xdr:row>
          <xdr:rowOff>38100</xdr:rowOff>
        </xdr:to>
        <xdr:sp macro="" textlink="">
          <xdr:nvSpPr>
            <xdr:cNvPr id="17622" name="Check Box 214" hidden="1">
              <a:extLst>
                <a:ext uri="{63B3BB69-23CF-44E3-9099-C40C66FF867C}">
                  <a14:compatExt spid="_x0000_s1762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2</xdr:row>
          <xdr:rowOff>152400</xdr:rowOff>
        </xdr:from>
        <xdr:to>
          <xdr:col>24</xdr:col>
          <xdr:colOff>104775</xdr:colOff>
          <xdr:row>64</xdr:row>
          <xdr:rowOff>38100</xdr:rowOff>
        </xdr:to>
        <xdr:sp macro="" textlink="">
          <xdr:nvSpPr>
            <xdr:cNvPr id="17623" name="Check Box 215" hidden="1">
              <a:extLst>
                <a:ext uri="{63B3BB69-23CF-44E3-9099-C40C66FF867C}">
                  <a14:compatExt spid="_x0000_s1762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6</xdr:row>
          <xdr:rowOff>133350</xdr:rowOff>
        </xdr:from>
        <xdr:to>
          <xdr:col>8</xdr:col>
          <xdr:colOff>104775</xdr:colOff>
          <xdr:row>98</xdr:row>
          <xdr:rowOff>47625</xdr:rowOff>
        </xdr:to>
        <xdr:sp macro="" textlink="">
          <xdr:nvSpPr>
            <xdr:cNvPr id="17624" name="Check Box 216" hidden="1">
              <a:extLst>
                <a:ext uri="{63B3BB69-23CF-44E3-9099-C40C66FF867C}">
                  <a14:compatExt spid="_x0000_s1762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2</xdr:row>
          <xdr:rowOff>133350</xdr:rowOff>
        </xdr:from>
        <xdr:to>
          <xdr:col>8</xdr:col>
          <xdr:colOff>104775</xdr:colOff>
          <xdr:row>104</xdr:row>
          <xdr:rowOff>47625</xdr:rowOff>
        </xdr:to>
        <xdr:sp macro="" textlink="">
          <xdr:nvSpPr>
            <xdr:cNvPr id="17625" name="Check Box 217" hidden="1">
              <a:extLst>
                <a:ext uri="{63B3BB69-23CF-44E3-9099-C40C66FF867C}">
                  <a14:compatExt spid="_x0000_s1762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0</xdr:row>
          <xdr:rowOff>161925</xdr:rowOff>
        </xdr:from>
        <xdr:to>
          <xdr:col>8</xdr:col>
          <xdr:colOff>114300</xdr:colOff>
          <xdr:row>2</xdr:row>
          <xdr:rowOff>28575</xdr:rowOff>
        </xdr:to>
        <xdr:sp macro="" textlink="">
          <xdr:nvSpPr>
            <xdr:cNvPr id="17626" name="Check Box 218" hidden="1">
              <a:extLst>
                <a:ext uri="{63B3BB69-23CF-44E3-9099-C40C66FF867C}">
                  <a14:compatExt spid="_x0000_s1762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1</xdr:row>
          <xdr:rowOff>161925</xdr:rowOff>
        </xdr:from>
        <xdr:to>
          <xdr:col>8</xdr:col>
          <xdr:colOff>114300</xdr:colOff>
          <xdr:row>3</xdr:row>
          <xdr:rowOff>28575</xdr:rowOff>
        </xdr:to>
        <xdr:sp macro="" textlink="">
          <xdr:nvSpPr>
            <xdr:cNvPr id="17627" name="Check Box 219" hidden="1">
              <a:extLst>
                <a:ext uri="{63B3BB69-23CF-44E3-9099-C40C66FF867C}">
                  <a14:compatExt spid="_x0000_s1762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71450</xdr:colOff>
          <xdr:row>3</xdr:row>
          <xdr:rowOff>161925</xdr:rowOff>
        </xdr:from>
        <xdr:to>
          <xdr:col>8</xdr:col>
          <xdr:colOff>114300</xdr:colOff>
          <xdr:row>5</xdr:row>
          <xdr:rowOff>28575</xdr:rowOff>
        </xdr:to>
        <xdr:sp macro="" textlink="">
          <xdr:nvSpPr>
            <xdr:cNvPr id="17628" name="Check Box 220" hidden="1">
              <a:extLst>
                <a:ext uri="{63B3BB69-23CF-44E3-9099-C40C66FF867C}">
                  <a14:compatExt spid="_x0000_s1762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xdr:row>
          <xdr:rowOff>142875</xdr:rowOff>
        </xdr:from>
        <xdr:to>
          <xdr:col>8</xdr:col>
          <xdr:colOff>104775</xdr:colOff>
          <xdr:row>8</xdr:row>
          <xdr:rowOff>9525</xdr:rowOff>
        </xdr:to>
        <xdr:sp macro="" textlink="">
          <xdr:nvSpPr>
            <xdr:cNvPr id="17629" name="Check Box 221" hidden="1">
              <a:extLst>
                <a:ext uri="{63B3BB69-23CF-44E3-9099-C40C66FF867C}">
                  <a14:compatExt spid="_x0000_s1762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0</xdr:row>
          <xdr:rowOff>161925</xdr:rowOff>
        </xdr:from>
        <xdr:to>
          <xdr:col>24</xdr:col>
          <xdr:colOff>114300</xdr:colOff>
          <xdr:row>2</xdr:row>
          <xdr:rowOff>28575</xdr:rowOff>
        </xdr:to>
        <xdr:sp macro="" textlink="">
          <xdr:nvSpPr>
            <xdr:cNvPr id="17630" name="Check Box 222" hidden="1">
              <a:extLst>
                <a:ext uri="{63B3BB69-23CF-44E3-9099-C40C66FF867C}">
                  <a14:compatExt spid="_x0000_s1763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xdr:row>
          <xdr:rowOff>161925</xdr:rowOff>
        </xdr:from>
        <xdr:to>
          <xdr:col>24</xdr:col>
          <xdr:colOff>114300</xdr:colOff>
          <xdr:row>3</xdr:row>
          <xdr:rowOff>28575</xdr:rowOff>
        </xdr:to>
        <xdr:sp macro="" textlink="">
          <xdr:nvSpPr>
            <xdr:cNvPr id="17631" name="Check Box 223" hidden="1">
              <a:extLst>
                <a:ext uri="{63B3BB69-23CF-44E3-9099-C40C66FF867C}">
                  <a14:compatExt spid="_x0000_s1763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xdr:row>
          <xdr:rowOff>161925</xdr:rowOff>
        </xdr:from>
        <xdr:to>
          <xdr:col>24</xdr:col>
          <xdr:colOff>114300</xdr:colOff>
          <xdr:row>5</xdr:row>
          <xdr:rowOff>28575</xdr:rowOff>
        </xdr:to>
        <xdr:sp macro="" textlink="">
          <xdr:nvSpPr>
            <xdr:cNvPr id="17632" name="Check Box 224" hidden="1">
              <a:extLst>
                <a:ext uri="{63B3BB69-23CF-44E3-9099-C40C66FF867C}">
                  <a14:compatExt spid="_x0000_s1763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6</xdr:row>
          <xdr:rowOff>142875</xdr:rowOff>
        </xdr:from>
        <xdr:to>
          <xdr:col>8</xdr:col>
          <xdr:colOff>104775</xdr:colOff>
          <xdr:row>108</xdr:row>
          <xdr:rowOff>38100</xdr:rowOff>
        </xdr:to>
        <xdr:sp macro="" textlink="">
          <xdr:nvSpPr>
            <xdr:cNvPr id="17633" name="Check Box 225" hidden="1">
              <a:extLst>
                <a:ext uri="{63B3BB69-23CF-44E3-9099-C40C66FF867C}">
                  <a14:compatExt spid="_x0000_s1763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0</xdr:row>
          <xdr:rowOff>142875</xdr:rowOff>
        </xdr:from>
        <xdr:to>
          <xdr:col>8</xdr:col>
          <xdr:colOff>104775</xdr:colOff>
          <xdr:row>112</xdr:row>
          <xdr:rowOff>38100</xdr:rowOff>
        </xdr:to>
        <xdr:sp macro="" textlink="">
          <xdr:nvSpPr>
            <xdr:cNvPr id="17634" name="Check Box 226" hidden="1">
              <a:extLst>
                <a:ext uri="{63B3BB69-23CF-44E3-9099-C40C66FF867C}">
                  <a14:compatExt spid="_x0000_s1763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2</xdr:row>
          <xdr:rowOff>142875</xdr:rowOff>
        </xdr:from>
        <xdr:to>
          <xdr:col>8</xdr:col>
          <xdr:colOff>104775</xdr:colOff>
          <xdr:row>114</xdr:row>
          <xdr:rowOff>38100</xdr:rowOff>
        </xdr:to>
        <xdr:sp macro="" textlink="">
          <xdr:nvSpPr>
            <xdr:cNvPr id="17635" name="Check Box 227" hidden="1">
              <a:extLst>
                <a:ext uri="{63B3BB69-23CF-44E3-9099-C40C66FF867C}">
                  <a14:compatExt spid="_x0000_s1763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3</xdr:row>
          <xdr:rowOff>142875</xdr:rowOff>
        </xdr:from>
        <xdr:to>
          <xdr:col>8</xdr:col>
          <xdr:colOff>104775</xdr:colOff>
          <xdr:row>115</xdr:row>
          <xdr:rowOff>38100</xdr:rowOff>
        </xdr:to>
        <xdr:sp macro="" textlink="">
          <xdr:nvSpPr>
            <xdr:cNvPr id="17636" name="Check Box 228" hidden="1">
              <a:extLst>
                <a:ext uri="{63B3BB69-23CF-44E3-9099-C40C66FF867C}">
                  <a14:compatExt spid="_x0000_s1763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4</xdr:row>
          <xdr:rowOff>142875</xdr:rowOff>
        </xdr:from>
        <xdr:to>
          <xdr:col>8</xdr:col>
          <xdr:colOff>104775</xdr:colOff>
          <xdr:row>116</xdr:row>
          <xdr:rowOff>38100</xdr:rowOff>
        </xdr:to>
        <xdr:sp macro="" textlink="">
          <xdr:nvSpPr>
            <xdr:cNvPr id="17637" name="Check Box 229" hidden="1">
              <a:extLst>
                <a:ext uri="{63B3BB69-23CF-44E3-9099-C40C66FF867C}">
                  <a14:compatExt spid="_x0000_s1763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4</xdr:row>
          <xdr:rowOff>9525</xdr:rowOff>
        </xdr:from>
        <xdr:to>
          <xdr:col>8</xdr:col>
          <xdr:colOff>104775</xdr:colOff>
          <xdr:row>45</xdr:row>
          <xdr:rowOff>47625</xdr:rowOff>
        </xdr:to>
        <xdr:sp macro="" textlink="">
          <xdr:nvSpPr>
            <xdr:cNvPr id="17638" name="Check Box 230" hidden="1">
              <a:extLst>
                <a:ext uri="{63B3BB69-23CF-44E3-9099-C40C66FF867C}">
                  <a14:compatExt spid="_x0000_s17638"/>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4</xdr:row>
          <xdr:rowOff>0</xdr:rowOff>
        </xdr:from>
        <xdr:to>
          <xdr:col>8</xdr:col>
          <xdr:colOff>104775</xdr:colOff>
          <xdr:row>15</xdr:row>
          <xdr:rowOff>38100</xdr:rowOff>
        </xdr:to>
        <xdr:sp macro="" textlink="">
          <xdr:nvSpPr>
            <xdr:cNvPr id="17639" name="Check Box 231" hidden="1">
              <a:extLst>
                <a:ext uri="{63B3BB69-23CF-44E3-9099-C40C66FF867C}">
                  <a14:compatExt spid="_x0000_s1763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xdr:row>
          <xdr:rowOff>161925</xdr:rowOff>
        </xdr:from>
        <xdr:to>
          <xdr:col>24</xdr:col>
          <xdr:colOff>104775</xdr:colOff>
          <xdr:row>15</xdr:row>
          <xdr:rowOff>28575</xdr:rowOff>
        </xdr:to>
        <xdr:sp macro="" textlink="">
          <xdr:nvSpPr>
            <xdr:cNvPr id="17640" name="Check Box 232" hidden="1">
              <a:extLst>
                <a:ext uri="{63B3BB69-23CF-44E3-9099-C40C66FF867C}">
                  <a14:compatExt spid="_x0000_s1764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xdr:row>
          <xdr:rowOff>0</xdr:rowOff>
        </xdr:from>
        <xdr:to>
          <xdr:col>33</xdr:col>
          <xdr:colOff>95250</xdr:colOff>
          <xdr:row>10</xdr:row>
          <xdr:rowOff>38100</xdr:rowOff>
        </xdr:to>
        <xdr:sp macro="" textlink="">
          <xdr:nvSpPr>
            <xdr:cNvPr id="17641" name="Check Box 233" hidden="1">
              <a:extLst>
                <a:ext uri="{63B3BB69-23CF-44E3-9099-C40C66FF867C}">
                  <a14:compatExt spid="_x0000_s1764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8</xdr:row>
          <xdr:rowOff>152400</xdr:rowOff>
        </xdr:from>
        <xdr:to>
          <xdr:col>44</xdr:col>
          <xdr:colOff>104775</xdr:colOff>
          <xdr:row>10</xdr:row>
          <xdr:rowOff>19050</xdr:rowOff>
        </xdr:to>
        <xdr:sp macro="" textlink="">
          <xdr:nvSpPr>
            <xdr:cNvPr id="17642" name="Check Box 234" hidden="1">
              <a:extLst>
                <a:ext uri="{63B3BB69-23CF-44E3-9099-C40C66FF867C}">
                  <a14:compatExt spid="_x0000_s1764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9</xdr:row>
          <xdr:rowOff>161925</xdr:rowOff>
        </xdr:from>
        <xdr:to>
          <xdr:col>25</xdr:col>
          <xdr:colOff>123825</xdr:colOff>
          <xdr:row>11</xdr:row>
          <xdr:rowOff>28575</xdr:rowOff>
        </xdr:to>
        <xdr:sp macro="" textlink="">
          <xdr:nvSpPr>
            <xdr:cNvPr id="17643" name="Check Box 235" hidden="1">
              <a:extLst>
                <a:ext uri="{63B3BB69-23CF-44E3-9099-C40C66FF867C}">
                  <a14:compatExt spid="_x0000_s1764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0</xdr:row>
          <xdr:rowOff>161925</xdr:rowOff>
        </xdr:from>
        <xdr:to>
          <xdr:col>26</xdr:col>
          <xdr:colOff>123825</xdr:colOff>
          <xdr:row>12</xdr:row>
          <xdr:rowOff>28575</xdr:rowOff>
        </xdr:to>
        <xdr:sp macro="" textlink="">
          <xdr:nvSpPr>
            <xdr:cNvPr id="17644" name="Check Box 236" hidden="1">
              <a:extLst>
                <a:ext uri="{63B3BB69-23CF-44E3-9099-C40C66FF867C}">
                  <a14:compatExt spid="_x0000_s1764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0</xdr:row>
          <xdr:rowOff>161925</xdr:rowOff>
        </xdr:from>
        <xdr:to>
          <xdr:col>29</xdr:col>
          <xdr:colOff>95250</xdr:colOff>
          <xdr:row>12</xdr:row>
          <xdr:rowOff>28575</xdr:rowOff>
        </xdr:to>
        <xdr:sp macro="" textlink="">
          <xdr:nvSpPr>
            <xdr:cNvPr id="17645" name="Check Box 237" hidden="1">
              <a:extLst>
                <a:ext uri="{63B3BB69-23CF-44E3-9099-C40C66FF867C}">
                  <a14:compatExt spid="_x0000_s1764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2</xdr:row>
          <xdr:rowOff>9525</xdr:rowOff>
        </xdr:from>
        <xdr:to>
          <xdr:col>25</xdr:col>
          <xdr:colOff>114300</xdr:colOff>
          <xdr:row>13</xdr:row>
          <xdr:rowOff>47625</xdr:rowOff>
        </xdr:to>
        <xdr:sp macro="" textlink="">
          <xdr:nvSpPr>
            <xdr:cNvPr id="17646" name="Check Box 238" hidden="1">
              <a:extLst>
                <a:ext uri="{63B3BB69-23CF-44E3-9099-C40C66FF867C}">
                  <a14:compatExt spid="_x0000_s1764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71450</xdr:colOff>
          <xdr:row>12</xdr:row>
          <xdr:rowOff>161925</xdr:rowOff>
        </xdr:from>
        <xdr:to>
          <xdr:col>26</xdr:col>
          <xdr:colOff>114300</xdr:colOff>
          <xdr:row>14</xdr:row>
          <xdr:rowOff>28575</xdr:rowOff>
        </xdr:to>
        <xdr:sp macro="" textlink="">
          <xdr:nvSpPr>
            <xdr:cNvPr id="17647" name="Check Box 239" hidden="1">
              <a:extLst>
                <a:ext uri="{63B3BB69-23CF-44E3-9099-C40C66FF867C}">
                  <a14:compatExt spid="_x0000_s1764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2</xdr:row>
          <xdr:rowOff>161925</xdr:rowOff>
        </xdr:from>
        <xdr:to>
          <xdr:col>29</xdr:col>
          <xdr:colOff>95250</xdr:colOff>
          <xdr:row>14</xdr:row>
          <xdr:rowOff>28575</xdr:rowOff>
        </xdr:to>
        <xdr:sp macro="" textlink="">
          <xdr:nvSpPr>
            <xdr:cNvPr id="17648" name="Check Box 240" hidden="1">
              <a:extLst>
                <a:ext uri="{63B3BB69-23CF-44E3-9099-C40C66FF867C}">
                  <a14:compatExt spid="_x0000_s17648"/>
                </a:ext>
              </a:extLst>
            </xdr:cNvPr>
            <xdr:cNvSpPr/>
          </xdr:nvSpPr>
          <xdr:spPr>
            <a:xfrm>
              <a:off x="0" y="0"/>
              <a:ext cx="0" cy="0"/>
            </a:xfrm>
            <a:prstGeom prst="rect">
              <a:avLst/>
            </a:prstGeom>
          </xdr:spPr>
        </xdr:sp>
        <xdr:clientData/>
      </xdr:twoCellAnchor>
    </mc:Choice>
    <mc:Fallback/>
  </mc:AlternateContent>
  <xdr:twoCellAnchor editAs="oneCell">
    <xdr:from>
      <xdr:col>47</xdr:col>
      <xdr:colOff>19050</xdr:colOff>
      <xdr:row>18</xdr:row>
      <xdr:rowOff>142875</xdr:rowOff>
    </xdr:from>
    <xdr:to>
      <xdr:col>47</xdr:col>
      <xdr:colOff>95250</xdr:colOff>
      <xdr:row>20</xdr:row>
      <xdr:rowOff>9525</xdr:rowOff>
    </xdr:to>
    <xdr:sp macro="" textlink="">
      <xdr:nvSpPr>
        <xdr:cNvPr id="242" name="Text Box 241"/>
        <xdr:cNvSpPr txBox="1">
          <a:spLocks noChangeArrowheads="1"/>
        </xdr:cNvSpPr>
      </xdr:nvSpPr>
      <xdr:spPr bwMode="auto">
        <a:xfrm>
          <a:off x="8524875" y="322897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mc:AlternateContent xmlns:mc="http://schemas.openxmlformats.org/markup-compatibility/2006">
    <mc:Choice xmlns:a14="http://schemas.microsoft.com/office/drawing/2010/main" Requires="a14">
      <xdr:twoCellAnchor editAs="oneCell">
        <xdr:from>
          <xdr:col>22</xdr:col>
          <xdr:colOff>171450</xdr:colOff>
          <xdr:row>2</xdr:row>
          <xdr:rowOff>161925</xdr:rowOff>
        </xdr:from>
        <xdr:to>
          <xdr:col>24</xdr:col>
          <xdr:colOff>114300</xdr:colOff>
          <xdr:row>4</xdr:row>
          <xdr:rowOff>28575</xdr:rowOff>
        </xdr:to>
        <xdr:sp macro="" textlink="">
          <xdr:nvSpPr>
            <xdr:cNvPr id="17649" name="Check Box 241" hidden="1">
              <a:extLst>
                <a:ext uri="{63B3BB69-23CF-44E3-9099-C40C66FF867C}">
                  <a14:compatExt spid="_x0000_s17649"/>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61925</xdr:colOff>
          <xdr:row>6</xdr:row>
          <xdr:rowOff>161925</xdr:rowOff>
        </xdr:from>
        <xdr:to>
          <xdr:col>29</xdr:col>
          <xdr:colOff>104775</xdr:colOff>
          <xdr:row>8</xdr:row>
          <xdr:rowOff>28575</xdr:rowOff>
        </xdr:to>
        <xdr:sp macro="" textlink="">
          <xdr:nvSpPr>
            <xdr:cNvPr id="17650" name="Check Box 242" hidden="1">
              <a:extLst>
                <a:ext uri="{63B3BB69-23CF-44E3-9099-C40C66FF867C}">
                  <a14:compatExt spid="_x0000_s17650"/>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6</xdr:row>
          <xdr:rowOff>161925</xdr:rowOff>
        </xdr:from>
        <xdr:to>
          <xdr:col>38</xdr:col>
          <xdr:colOff>104775</xdr:colOff>
          <xdr:row>8</xdr:row>
          <xdr:rowOff>28575</xdr:rowOff>
        </xdr:to>
        <xdr:sp macro="" textlink="">
          <xdr:nvSpPr>
            <xdr:cNvPr id="17651" name="Check Box 243" hidden="1">
              <a:extLst>
                <a:ext uri="{63B3BB69-23CF-44E3-9099-C40C66FF867C}">
                  <a14:compatExt spid="_x0000_s17651"/>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42875</xdr:colOff>
          <xdr:row>2</xdr:row>
          <xdr:rowOff>161925</xdr:rowOff>
        </xdr:from>
        <xdr:to>
          <xdr:col>40</xdr:col>
          <xdr:colOff>85725</xdr:colOff>
          <xdr:row>4</xdr:row>
          <xdr:rowOff>28575</xdr:rowOff>
        </xdr:to>
        <xdr:sp macro="" textlink="">
          <xdr:nvSpPr>
            <xdr:cNvPr id="17652" name="Check Box 244" hidden="1">
              <a:extLst>
                <a:ext uri="{63B3BB69-23CF-44E3-9099-C40C66FF867C}">
                  <a14:compatExt spid="_x0000_s17652"/>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3</xdr:row>
          <xdr:rowOff>142875</xdr:rowOff>
        </xdr:from>
        <xdr:to>
          <xdr:col>50</xdr:col>
          <xdr:colOff>85725</xdr:colOff>
          <xdr:row>5</xdr:row>
          <xdr:rowOff>28575</xdr:rowOff>
        </xdr:to>
        <xdr:sp macro="" textlink="">
          <xdr:nvSpPr>
            <xdr:cNvPr id="17653" name="Check Box 245" hidden="1">
              <a:extLst>
                <a:ext uri="{63B3BB69-23CF-44E3-9099-C40C66FF867C}">
                  <a14:compatExt spid="_x0000_s17653"/>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52400</xdr:colOff>
          <xdr:row>4</xdr:row>
          <xdr:rowOff>133350</xdr:rowOff>
        </xdr:from>
        <xdr:to>
          <xdr:col>38</xdr:col>
          <xdr:colOff>95250</xdr:colOff>
          <xdr:row>6</xdr:row>
          <xdr:rowOff>19050</xdr:rowOff>
        </xdr:to>
        <xdr:sp macro="" textlink="">
          <xdr:nvSpPr>
            <xdr:cNvPr id="17654" name="Check Box 246" hidden="1">
              <a:extLst>
                <a:ext uri="{63B3BB69-23CF-44E3-9099-C40C66FF867C}">
                  <a14:compatExt spid="_x0000_s17654"/>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42875</xdr:colOff>
          <xdr:row>4</xdr:row>
          <xdr:rowOff>133350</xdr:rowOff>
        </xdr:from>
        <xdr:to>
          <xdr:col>50</xdr:col>
          <xdr:colOff>85725</xdr:colOff>
          <xdr:row>6</xdr:row>
          <xdr:rowOff>19050</xdr:rowOff>
        </xdr:to>
        <xdr:sp macro="" textlink="">
          <xdr:nvSpPr>
            <xdr:cNvPr id="17655" name="Check Box 247" hidden="1">
              <a:extLst>
                <a:ext uri="{63B3BB69-23CF-44E3-9099-C40C66FF867C}">
                  <a14:compatExt spid="_x0000_s17655"/>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32</xdr:row>
          <xdr:rowOff>142875</xdr:rowOff>
        </xdr:from>
        <xdr:to>
          <xdr:col>25</xdr:col>
          <xdr:colOff>104775</xdr:colOff>
          <xdr:row>134</xdr:row>
          <xdr:rowOff>38100</xdr:rowOff>
        </xdr:to>
        <xdr:sp macro="" textlink="">
          <xdr:nvSpPr>
            <xdr:cNvPr id="17656" name="Check Box 248" hidden="1">
              <a:extLst>
                <a:ext uri="{63B3BB69-23CF-44E3-9099-C40C66FF867C}">
                  <a14:compatExt spid="_x0000_s17656"/>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32</xdr:row>
          <xdr:rowOff>142875</xdr:rowOff>
        </xdr:from>
        <xdr:to>
          <xdr:col>31</xdr:col>
          <xdr:colOff>104775</xdr:colOff>
          <xdr:row>134</xdr:row>
          <xdr:rowOff>38100</xdr:rowOff>
        </xdr:to>
        <xdr:sp macro="" textlink="">
          <xdr:nvSpPr>
            <xdr:cNvPr id="17657" name="Check Box 249" hidden="1">
              <a:extLst>
                <a:ext uri="{63B3BB69-23CF-44E3-9099-C40C66FF867C}">
                  <a14:compatExt spid="_x0000_s17657"/>
                </a:ext>
              </a:extLst>
            </xdr:cNvPr>
            <xdr:cNvSpPr/>
          </xdr:nvSpPr>
          <xdr:spPr>
            <a:xfrm>
              <a:off x="0" y="0"/>
              <a:ext cx="0" cy="0"/>
            </a:xfrm>
            <a:prstGeom prst="rect">
              <a:avLst/>
            </a:prstGeom>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32</xdr:row>
          <xdr:rowOff>142875</xdr:rowOff>
        </xdr:from>
        <xdr:to>
          <xdr:col>38</xdr:col>
          <xdr:colOff>104775</xdr:colOff>
          <xdr:row>134</xdr:row>
          <xdr:rowOff>38100</xdr:rowOff>
        </xdr:to>
        <xdr:sp macro="" textlink="">
          <xdr:nvSpPr>
            <xdr:cNvPr id="17658" name="Check Box 250" hidden="1">
              <a:extLst>
                <a:ext uri="{63B3BB69-23CF-44E3-9099-C40C66FF867C}">
                  <a14:compatExt spid="_x0000_s17658"/>
                </a:ext>
              </a:extLst>
            </xdr:cNvPr>
            <xdr:cNvSpPr/>
          </xdr:nvSpPr>
          <xdr:spPr>
            <a:xfrm>
              <a:off x="0" y="0"/>
              <a:ext cx="0" cy="0"/>
            </a:xfrm>
            <a:prstGeom prst="rect">
              <a:avLst/>
            </a:prstGeom>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bak/Fukumain.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K:\&#20316;&#26989;&#28168;&#29289;&#20214;\&#36870;&#20117;\bak\Fukumain.xls" TargetMode="External"/></Relationships>
</file>

<file path=xl/externalLinks/_rels/externalLink100.xml.rels><?xml version="1.0" encoding="UTF-8" standalone="yes"?>
<Relationships xmlns="http://schemas.openxmlformats.org/package/2006/relationships"><Relationship Id="rId1" Type="http://schemas.openxmlformats.org/officeDocument/2006/relationships/externalLinkPath" Target="file:///\\Ls-wtgl9f1\sekkei\Documents%20and%20Settings\010752\&#12487;&#12473;&#12463;&#12488;&#12483;&#12503;\&#20849;&#36890;&#36027;&#65288;&#36196;&#22806;&#32218;&#35036;&#32884;&#12471;&#12473;&#12486;&#12512;&#65289;\10&#22823;&#23665;&#30000;&#22320;&#21306;&#65406;&#65437;&#65408;&#65392;&#21463;&#38651;&#25913;&#20462;\My%20Documents\&#22793;&#26356;&#32076;&#36027;.XLS" TargetMode="External"/></Relationships>
</file>

<file path=xl/externalLinks/_rels/externalLink101.xml.rels><?xml version="1.0" encoding="UTF-8" standalone="yes"?>
<Relationships xmlns="http://schemas.openxmlformats.org/package/2006/relationships"><Relationship Id="rId1" Type="http://schemas.openxmlformats.org/officeDocument/2006/relationships/externalLinkPath" Target="file:///\\G0da71\g0sa21\&#25216;&#34899;&#26412;&#37096;\04&#27700;&#36947;&#37096;\&#26087;&#31532;2&#25216;&#34899;&#37096;\00&#37096;&#38263;\03&#26045;&#35373;&#37096;&#21332;&#20685;&#26989;&#21209;\&#28369;&#24029;&#24066;\&#22580;&#20869;&#37197;&#31649;&#22259;\&#20840;&#20307;&#24037;&#20107;\&#31309;&#31639;&#26360;\&#20195;&#20385;&#34920;H20&#23500;&#23665;&#30476;&#28369;&#24029;&#24066;200804.xls" TargetMode="External"/></Relationships>
</file>

<file path=xl/externalLinks/_rels/externalLink102.xml.rels><?xml version="1.0" encoding="UTF-8" standalone="yes"?>
<Relationships xmlns="http://schemas.openxmlformats.org/package/2006/relationships"><Relationship Id="rId1" Type="http://schemas.openxmlformats.org/officeDocument/2006/relationships/externalLinkPath" Target="/00&#12487;&#12540;&#12479;/02&#24859;&#30693;&#30476;&#27969;&#22495;/&#20116;&#26465;STP/&#38500;&#22645;&#38500;&#30722;&#35373;&#20633;/&#25968;&#37327;/&#27231;&#26800;&#35373;&#35336;&#26360;060420.xls" TargetMode="External"/></Relationships>
</file>

<file path=xl/externalLinks/_rels/externalLink103.xml.rels><?xml version="1.0" encoding="UTF-8" standalone="yes"?>
<Relationships xmlns="http://schemas.openxmlformats.org/package/2006/relationships"><Relationship Id="rId1" Type="http://schemas.openxmlformats.org/officeDocument/2006/relationships/externalLinkPath" Target="file:///C:\00&#12487;&#12540;&#12479;\02&#24859;&#30693;&#30476;&#27969;&#22495;\&#20116;&#26465;STP\&#38500;&#22645;&#38500;&#30722;&#35373;&#20633;\&#25968;&#37327;\&#27231;&#26800;&#35373;&#35336;&#26360;060420.xls" TargetMode="External"/></Relationships>
</file>

<file path=xl/externalLinks/_rels/externalLink104.xml.rels><?xml version="1.0" encoding="UTF-8" standalone="yes"?>
<Relationships xmlns="http://schemas.openxmlformats.org/package/2006/relationships"><Relationship Id="rId1" Type="http://schemas.openxmlformats.org/officeDocument/2006/relationships/externalLinkPath" Target="file:///E:\KMiyamoto\&#35373;&#35336;&#27096;&#24335;\WINDOWS\&#65411;&#65438;&#65405;&#65400;&#65412;&#65391;&#65420;&#65439;\&#24029;&#35199;\&#33446;&#23627;&#35686;&#23519;\&#36196;&#22806;&#32218;&#35686;&#22577;.XLS" TargetMode="External"/></Relationships>
</file>

<file path=xl/externalLinks/_rels/externalLink105.xml.rels><?xml version="1.0" encoding="UTF-8" standalone="yes"?>
<Relationships xmlns="http://schemas.openxmlformats.org/package/2006/relationships"><Relationship Id="rId1" Type="http://schemas.openxmlformats.org/officeDocument/2006/relationships/externalLinkPath" Target="file:///D:\Documents%20and%20Settings\010121\Local%20Settings\Temporary%20Internet%20Files\OLK12\TEMP\CBDIR\1\01&#35373;&#20633;&#25237;&#36039;&#20104;&#31639;\01&#20104;&#31639;&#35201;&#27714;&#38306;&#36899;\03&#65297;&#65305;&#24180;&#24230;\02&#24180;&#21021;&#35201;&#27714;\03&#20027;&#31649;&#22577;&#21578;\&#24037;&#21209;&#37096;\&#20449;&#36890;&#35506;\TEMP\CBDIR\1\02&#35373;&#20633;&#25237;&#36039;&#20104;&#31639;\01&#20104;&#31639;&#35201;&#27714;&#38306;&#36899;\04&#65297;&#65302;&#24180;&#24230;&#12288;\&#24180;&#21021;&#35201;&#27714;\&#20027;&#31649;&#25351;&#31034;\&#35519;&#26360;&#9314;&#12304;&#21029;&#34920;&#65300;&#12539;&#33258;&#24049;&#36039;&#37329;&#65298;&#31623;&#25152;&#12414;&#12391;.xls" TargetMode="External"/></Relationships>
</file>

<file path=xl/externalLinks/_rels/externalLink106.xml.rels><?xml version="1.0" encoding="UTF-8" standalone="yes"?>
<Relationships xmlns="http://schemas.openxmlformats.org/package/2006/relationships"><Relationship Id="rId1" Type="http://schemas.openxmlformats.org/officeDocument/2006/relationships/externalLinkPath" Target="file:///\\fil-sv3\NAGOYA\&#26087;&#31532;2&#25216;&#34899;&#37096;\03&#35373;&#35336;&#31532;1g\H54101370&#38263;&#23713;&#24066;&#12288;&#22823;&#23798;&#12509;&#12531;&#12503;&#22580;&#27972;&#27700;&#27744;&#31689;&#36896;&#23455;&#26045;&#35373;&#35336;&#26989;&#21209;&#22996;&#35351;\41&#35373;&#35336;&#26360;\02.&#20195;&#20385;@H2510&#21336;&#20385;.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P:\&#12524;&#12483;&#12484;&#12494;&#12540;&#12488;&#65315;&#12489;&#12521;&#12452;&#12502;\&#27744;&#30000;\&#27738;&#27877;\&#65396;&#65400;&#65406;&#65433;311\bak\Fukumain.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P:\LL\L98014&#19978;&#31119;&#23713;\&#24179;&#25104;11&#24180;&#24230;&#27231;&#26800;&#38651;&#27671;&#30330;&#27880;&#35373;&#35336;\&#26368;&#32066;&#35373;&#35336;&#26360;\&#35576;&#32076;&#36027;&#35336;&#31639;&#26360;.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A:\&#24535;&#21644;&#26481;&#20869;\&#25968;&#37327;&#35336;&#31639;.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B:\&#22580;&#20869;&#25972;&#20633;.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A:\windows\TEMP\&#37326;&#24237;AE.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A:\&#22580;&#20869;&#25972;&#20633;&#32076;&#36027;&#35336;&#31639;.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E:\&#20316;&#26989;&#28168;&#29289;&#20214;\&#36870;&#20117;\Fukumain.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Takigahira\&#20849;&#26377;\&#12524;&#12483;&#12484;&#12494;&#12540;&#12488;&#65315;&#12489;&#12521;&#12452;&#12502;\&#27744;&#30000;\&#27738;&#27877;\&#65396;&#65400;&#65406;&#65433;311\Fukumain.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g0da71\g0sa21\&#25216;&#34899;&#26412;&#37096;\04&#27700;&#36947;&#37096;\&#26087;&#31532;2&#25216;&#34899;&#37096;\03&#35373;&#35336;&#31532;1g\H47101800&#30333;&#23665;&#24066;&#32654;&#24029;&#37197;&#27700;&#27744;\23&#35373;&#35336;&#26360;&#12539;&#20195;&#20385;&#34920;\&#32654;&#24029;&#37197;&#27700;&#27744;&#25913;&#33391;&#24037;&#20107;\&#26032;&#12375;&#12356;&#12501;&#12457;&#12523;&#12480;\&#30333;&#23665;&#24066;\&#24037;&#20107;&#20385;&#26684;&#35336;&#3163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E:\bak\Fukumain.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Po-sv\VOL1\&#24179;&#25104;18&#24180;&#24230;\06-24&#26085;&#26412;&#19978;&#19979;-&#21271;&#24195;&#23798;&#30010;&#32048;&#35211;&#37197;&#27700;&#27744;\&#26862;&#26494;&#21463;&#20449;\20061009&#21463;&#20449;\&#24037;&#20107;&#20385;&#26684;&#35336;&#31639;.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B:\&#37329;&#25244;.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7161;&#28310;&#25552;&#20986;&#65295;&#26908;&#35342;&#36039;&#26009;\&#25552;&#20986;&#36039;&#26009;.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Yamaguchi\c\&#19978;&#27700;E&#37096;\&#22823;&#38442;&#25216;&#34899;&#35506;\&#37096;&#38272;&#20869;&#38480;\YH&#12469;&#12540;&#12496;&#12288;RW\&#25216;&#34899;\&#27972;&#27700;&#33180;\&#29289;&#20214;\&#20061;&#24030;\&#26377;&#30000;&#30010;\&#29694;&#35500;&#24460;&#35373;&#35336;\5818&#26377;&#30000;7500&#23481;&#35336;.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Pc03\e\&#12381;&#12398;&#20182;&#65296;&#65301;\&#23665;&#30000;&#24314;&#31689;\&#24799;&#20449;&#12289;&#21517;&#21335;&#24037;\&#24799;&#20449;&#39640;&#26657;\&#24314;&#31689;&#22259;\&#38651;&#27671;&#35373;&#35336;&#26360;.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Users/i96015/AppData/Local/Temp/notes6030C8/SAS&#22338;&#27743;&#27700;&#38272;&#22679;&#35373;/&#26157;&#38651;&#12486;&#12483;&#12463;/&#38651;&#27671;&#25968;&#37327;&#38598;&#35336;&#34920;.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C:\Users\i96015\AppData\Local\Temp\notes6030C8\SAS&#22338;&#27743;&#27700;&#38272;&#22679;&#35373;\&#26157;&#38651;&#12486;&#12483;&#12463;\&#38651;&#27671;&#25968;&#37327;&#38598;&#35336;&#34920;.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Users/i96015/AppData/Local/Temp/notes6030C8/&#37329;&#20837;&#35373;&#35336;&#26360;&#65288;&#20195;&#20385;&#34920;&#12469;&#12531;&#12503;&#12523;&#65289;.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C:\Users\i96015\AppData\Local\Temp\notes6030C8\&#37329;&#20837;&#35373;&#35336;&#26360;&#65288;&#20195;&#20385;&#34920;&#12469;&#12531;&#12503;&#12523;&#65289;.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Mozart\&#35373;&#35336;&#20849;&#26377;\&#65290;EXCEL\&#31309;&#31639;&#26989;&#21209;\&#35373;&#35336;&#20107;&#21209;&#25152;\&#12450;&#12540;&#12484;&#35373;&#35336;\&#33609;&#12398;&#23455;&#20415;&#25152;&#65320;16.8\My%20Documents\HAGA\&#26164;&#23398;&#22290;\My%20Documents\HAGA\&#26494;&#38442;&#31478;&#36650;\&#26494;&#38442;&#31478;&#36650;&#65405;&#65408;&#65437;&#65412;&#65438;&#25913;&#20462;2.xls"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Startup" Target="&#27010;&#31639;&#26360;&#21193;&#24375;&#12501;&#12449;&#12452;&#12523;/&#24859;&#39423;&#23534;&#20844;&#20849;&#19979;&#27700;&#36947;&#25509;&#32154;&#24037;&#20107;.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Pc03\E\&#24179;&#37326;\&#24179;&#25104;12&#24180;&#24230;(&#19971;&#21306;&#20998;)\03%20&#24037;&#20107;\&#31309;&#31639;\&#38263;&#23822;&#23567;&#27743;&#12411;&#12363;.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P:\&#12524;&#12483;&#12484;&#12494;&#12540;&#12488;&#65315;&#12489;&#12521;&#12452;&#12502;\&#27744;&#30000;\&#27738;&#27877;\&#65396;&#65400;&#65406;&#65433;311\Fukumain.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Takigahira\&#20849;&#26377;\&#26032;&#35215;Microsoft%20Excel%20&#12527;&#12540;&#12463;&#12471;&#12540;&#12488;.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Y:\&#12524;&#12483;&#12484;&#12494;&#12540;&#12488;&#65315;&#12489;&#12521;&#12452;&#12502;\&#27744;&#30000;\&#27738;&#27877;\&#65396;&#65400;&#65406;&#65433;311\Fukumain.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E:\Fukumain.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A:\&#24859;&#30693;&#30476;\&#30690;&#20316;&#24029;&#27969;&#22495;\&#30690;&#20316;&#24029;&#27972;&#21270;&#12475;&#12531;&#12479;&#12540;\&#65422;&#65439;&#65437;&#65420;&#65439;&#12289;&#24460;&#27784;&#30476;&#30330;&#27880;\&#30330;&#27880;&#29992;&#36039;&#26009;&#26368;&#32066;&#29256;\&#35373;&#35336;&#26360;\windows\TEMP\&#21407;&#35373;&#35336;&#26360;.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Xa-13-1\e\H11&#38500;&#22645;&#27231;&#35373;&#20633;&#35373;&#35336;&#26360;.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16;&#31461;&#65400;&#65431;&#65420;&#65438;\&#37324;&#30010;&#20816;&#31461;&#65400;&#31649;&#24037;&#20107;(&#26032;&#20869;&#35379;).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Toyoda\neko\&#35079;&#34101;%20v1.2\&#35079;&#21512;&#65403;&#65437;&#65420;&#65439;&#65433;(&#65404;)\Fukumain.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FS\kan\WINDOWS.000\&#65411;&#65438;&#65405;&#65400;&#65412;&#65391;&#65420;&#65439;\&#35336;&#31639;&#26360;&#26360;&#24335;\&#20304;&#26481;BP\2-1-1&#24037;&#21306;\&#26862;&#26412;\&#24179;&#30000;\&#24179;&#30000;.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H:\WIN95\&#65411;&#65438;&#65405;&#65400;&#65412;&#65391;&#65420;&#65439;\&#25968;&#37327;&#27096;&#24335;.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RA223\&#24179;&#38754;&#22259;\&#19977;&#37070;&#20024;&#32218;.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E:\&#25919;&#26408;\&#26368;&#26032;&#29289;&#20214;\&#12471;&#12473;&#12486;&#12512;&#20225;&#30011;\&#27744;&#30000;&#27738;&#27877;\&#35079;&#21512;&#24037;(&#27744;&#30000;&#27738;&#27877;)\bak\Fukumain.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2823;&#38442;&#26412;&#31038;\&#22235;&#22269;&#22320;&#26041;&#12398;&#29289;&#20214;\&#26576;&#25152;500\030417&#39640;&#30693;&#26576;&#25152;500.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Takigahira\&#20849;&#26377;\Fukumain.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G7-600\e&#25968;&#37327;&#35373;&#35336;&#26360;\010&#65306;&#24037;&#20107;&#19968;&#35239;\1330&#65306;&#65301;&#21495;&#12502;&#12525;&#12527;&#27231;&#26800;&#35373;&#20633;&#24037;&#20107;\&#24403;&#21021;&#35373;&#35336;\&#65301;&#21495;&#12502;&#12525;&#12527;&#27231;&#26800;&#35373;&#35336;&#26360;&#37329;&#20837;.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A:\Documents%20and%20Settings\User\My%20Documents\matumoto\&#20304;&#20037;&#23798;&#12288;&#35373;&#35336;\&#26368;&#32066;\02.&#20304;&#20037;&#23798;93&#65381;94&#65381;95&#21495;&#65293;&#20195;&#20385;&#34920;030630.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7161;&#28310;&#25552;&#20986;&#65295;&#26908;&#35342;&#36039;&#26009;\&#23665;&#23713;&#30010;\&#23455;&#35373;&#35336;\&#23481;&#37327;2.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D:\Documents%20and%20Settings\010121\Local%20Settings\Temporary%20Internet%20Files\OLK12\TEMP\CBDIR\1\01&#35373;&#20633;&#25237;&#36039;&#20104;&#31639;\01&#20104;&#31639;&#35201;&#27714;&#38306;&#36899;\03&#65297;&#65305;&#24180;&#24230;\02&#24180;&#21021;&#35201;&#27714;\03&#20027;&#31649;&#22577;&#21578;\&#24037;&#21209;&#37096;\&#20449;&#36890;&#35506;\TEMP\CBDIR\1\&#35373;&#20633;&#25237;&#36039;&#20104;&#31639;\16&#26089;&#26399;&#35201;&#27714;&#12539;&#35336;&#30011;\14&#24180;&#24230;&#26089;&#26399;\&#25237;&#36039;&#25552;&#20986;&#36039;&#26009;\&#35201;&#27714;&#35519;&#26360;\&#35519;&#26360;&#9314;-2\13-1&#65288;&#21029;&#34920;&#31532;&#65300;&#65289;&#26481;&#28023;&#36947;&#32218;&#20057;&#39640;&#24107;&#36947;&#27211;&#12426;&#12423;&#12358;&#25913;&#33391;.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H:\Fukumain.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g0da75\&#25216;&#34899;&#26412;&#37096;\&#26087;&#31532;2&#25216;&#34899;&#37096;\03&#35373;&#35336;&#31532;1g\H53101620&#26627;&#23614;&#27972;&#27700;&#26045;&#35373;&#26356;&#26032;\07&#25968;&#37327;&#35336;&#31639;&#26360;\01&#26627;&#23614;&#27972;&#27700;&#22580;&#12429;&#36942;&#27744;&#31689;&#36896;&#24037;&#20107;\01&#12429;&#36942;&#27744;&#26847;&#31689;&#36896;\&#65422;&#65394;&#65405;&#65412;&#65434;&#65392;&#65433;&#25968;&#37327;&#12304;&#12363;&#25152;&#27598;&#12305;&#20462;&#27491;150707.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G&#20849;&#36890;/&#35373;&#35336;&#36039;&#26009;/EXCEL/&#20013;&#20027;/&#24037;&#31243;&#31561;.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Ibm2\d\My%20Documents\&#24179;&#25104;15&#24180;\&#24029;&#21407;&#20013;&#27744;&#35373;&#35336;\&#22823;&#25496;&#20445;&#32946;&#22290;\H14&#35373;&#35336;&#26360;\&#20803;&#20013;&#22830;&#20816;&#31461;&#30456;&#35527;&#25152;\&#38651;&#27671;&#35373;&#35336;&#26360;.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Toyoda\neko\&#35079;&#34101;\&#35079;&#21512;&#65403;&#65437;&#65420;&#65439;&#65433;(&#65404;)\bak\Fukumain.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Pc03\D\&#65320;13&#24037;&#20107;\&#20234;&#33391;&#28246;\excel\&#20234;&#33391;&#28246;&#23724;&#28783;&#21488;&#24037;&#20107;.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Toyoda\neko\Fukumain.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Toyoda\neko\bak\Fukumain.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A:\H14&#35373;&#35336;&#26360;\&#20803;&#20013;&#22830;&#20816;&#31461;&#30456;&#35527;&#25152;\&#38651;&#27671;&#35373;&#35336;&#26360;.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file:///A:\windows\TEMP\&#27231;&#26800;\&#35373;&#35336;&#26360;\&#37329;&#25244;&#12365;\1&#27700;&#20966;&#29702;_&#35373;&#35336;&#26360;.xl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ile:///E:\&#35079;&#34101;\&#35079;&#21512;&#65403;&#65437;&#65420;&#65439;&#65433;(&#65404;)\bak\Fukumain.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Takigahira\&#20849;&#26377;\bak\Fukumain.xls"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file:///A:\&#12461;&#12459;&#12511;&#65298;&#65288;&#12461;&#12459;&#65298;&#65289;\&#35373;&#35336;&#26360;\H15&#33073;&#27700;&#27231;&#26847;&#12381;&#12398;&#65298;&#65288;&#37329;&#20837;&#65289;.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Wssvr041\&#31532;1&#20418;\Documents%20and%20Settings\noro\&#12487;&#12473;&#12463;&#12488;&#12483;&#12503;\&#22269;&#20816;&#23398;&#22290;\&#19977;&#37325;&#30475;&#35703;&#27010;&#31639;.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0061;&#24030;\&#26494;&#23798;&#30010;\&#19978;&#27700;&#25216;&#34899;G\YH&#12469;&#12540;&#12496;&#12487;&#12540;&#12479;\&#25216;&#34899;\&#27972;&#27700;&#33180;\&#29289;&#20214;\&#27161;&#28310;&#25552;&#20986;&#65295;&#26908;&#35342;&#36039;&#26009;\&#25552;&#20986;&#36039;&#26009;.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Yamaguchi\c\&#19978;&#27700;&#25216;&#34899;G\YH&#12469;&#12540;&#12496;&#12487;&#12540;&#12479;\&#25216;&#34899;\&#27972;&#27700;&#33180;\&#29289;&#20214;\&#20061;&#24030;\&#26494;&#23798;&#30010;\&#19978;&#27700;&#25216;&#34899;G\YH&#12469;&#12540;&#12496;&#12487;&#12540;&#12479;\&#25216;&#34899;\&#27972;&#27700;&#33180;\&#29289;&#20214;\&#27161;&#28310;&#25552;&#20986;&#65295;&#26908;&#35342;&#36039;&#26009;\&#23665;&#23713;&#30010;\&#23455;&#35373;&#35336;\&#23481;&#37327;2.XLS"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A:\&#35373;&#35336;&#26360;\My%20Documents\&#22793;&#26356;&#32076;&#36027;.XL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Ibm2\d\H14&#35373;&#35336;&#26360;\&#20803;&#20013;&#22830;&#20816;&#31461;&#30456;&#35527;&#25152;\&#38651;&#27671;&#35373;&#35336;&#26360;.xls" TargetMode="External"/></Relationships>
</file>

<file path=xl/externalLinks/_rels/externalLink64.xml.rels><?xml version="1.0" encoding="UTF-8" standalone="yes"?>
<Relationships xmlns="http://schemas.openxmlformats.org/package/2006/relationships"><Relationship Id="rId1" Type="http://schemas.openxmlformats.org/officeDocument/2006/relationships/externalLinkPath" Target="/EXCEL_DAT/&#20869;&#35379;&#35336;&#31639;&#26360;/&#21336;&#20385;&#34920;&#12289;&#25490;&#27700;&#26717;&#20195;&#20385;&#34920;.xls"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C:\EXCEL_DAT\&#20869;&#35379;&#35336;&#31639;&#26360;\&#21336;&#20385;&#34920;&#12289;&#25490;&#27700;&#26717;&#20195;&#20385;&#34920;.xls"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WINDOWS\&#65411;&#65438;&#65405;&#65400;&#65412;&#65391;&#65420;&#65439;\My%20Documents\&#26448;&#26009;&#35336;&#31639;&#26360;&#38619;&#22411;\&#30456;&#27169;&#24029;&#21491;&#23736;&#20966;&#29702;&#22580;\&#39080;&#36947;&#25342;&#65288;&#30456;&#27169;&#24029;&#35036;&#27231;&#26847;2&#65289;.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file:///\\Gp6-300\e\&#26085;&#26412;&#19978;&#19979;&#35336;&#31639;&#26360;\01.02.&#20154;&#24037;&#38598;&#35336;&#34920;,&#27231;&#22120;&#31561;&#25454;&#20184;&#24037;.xls"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file:///A:\My%20Documents\&#24179;&#25104;15&#24180;\&#24029;&#21407;&#20013;&#27744;&#35373;&#35336;\&#22823;&#25496;&#20445;&#32946;&#22290;\H14&#35373;&#35336;&#26360;\&#20803;&#20013;&#22830;&#20816;&#31461;&#30456;&#35527;&#25152;\&#38651;&#27671;&#35373;&#35336;&#26360;.xls"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44-&#25104;&#26524;\&#30476;&#27700;44-0629&#27700;&#36074;&#12475;&#12531;&#12479;&#12540;P\&#30330;&#27880;&#12487;&#12540;&#12479;\&#27231;&#26800;&#30330;&#27880;\&#27231;&#26800;&#35373;&#20633;&#35373;&#35336;&#26360;\&#65297;&#12288;&#21152;&#21476;\&#12456;&#12463;&#12475;&#12523;\&#35199;&#25773;&#30952;&#24193;&#33294;&#38306;&#20418;\&#20195;&#20385;&#12289;&#35079;&#21512;&#21336;&#20385;\&#25644;&#20837;&#25454;&#20184;.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Wssvr041\&#31532;2&#20418;\My%20Documents\&#31282;&#33865;&#39178;&#35703;&#23398;&#26657;\&#20869;&#35379;&#26360;&#65288;&#26368;&#32066;&#65289;2.xls"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file:///\\FS\kan\&#23567;&#26494;&#24066;\&#25552;&#20986;&#29992;\&#21335;&#37096;&#65328;&#65331;\&#21335;&#37096;&#35373;&#35336;&#26360;.xls"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44;&#22290;&#65412;&#65394;&#65434;\&#26716;&#30010;&#25913;&#31689;&#31354;&#35519;&#24037;&#20107;(&#26032;&#20869;&#35379;)&#25511;&#12360;.xls"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1.xls" TargetMode="External"/></Relationships>
</file>

<file path=xl/externalLinks/_rels/externalLink73.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xls" TargetMode="External"/></Relationships>
</file>

<file path=xl/externalLinks/_rels/externalLink74.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26032;&#20869;&#35379;)&#25511;&#12360;.xls" TargetMode="External"/></Relationships>
</file>

<file path=xl/externalLinks/_rels/externalLink75.xml.rels><?xml version="1.0" encoding="UTF-8" standalone="yes"?>
<Relationships xmlns="http://schemas.openxmlformats.org/package/2006/relationships"><Relationship Id="rId1" Type="http://schemas.openxmlformats.org/officeDocument/2006/relationships/externalLinkPath" Target="file:///H:\CAD&#22259;&#38754;.&#24314;&#20303;&#65288;&#35373;&#35336;&#26360;&#21547;&#65289;\CAD&#22259;&#38754;&#21450;&#12403;&#35373;&#35336;&#26360;\05&#25945;&#32946;&#25991;&#21270;&#37096;\&#23567;&#23398;&#26657;\10.&#27973;&#37326;&#23567;\&#24179;&#25104;19&#24180;&#21335;&#33294;&#32784;&#38663;&#35036;&#24375;&#24037;&#20107;\&#35373;&#20633;&#35373;&#35336;&#26360;\&#21271;&#26041;&#20013;&#23398;&#26657;&#65400;&#65431;&#65420;&#65438;&#65418;&#65395;&#65405;&#24314;&#35373;&#12381;&#12398;&#20182;&#34907;&#29983;&#35373;&#20633;&#24037;&#20107;.xls" TargetMode="External"/></Relationships>
</file>

<file path=xl/externalLinks/_rels/externalLink76.xml.rels><?xml version="1.0" encoding="UTF-8" standalone="yes"?>
<Relationships xmlns="http://schemas.openxmlformats.org/package/2006/relationships"><Relationship Id="rId1" Type="http://schemas.openxmlformats.org/officeDocument/2006/relationships/externalLinkPath" Target="file:///\\Pc03\E\WINDOWS\&#65411;&#65438;&#65405;&#65400;&#65412;&#65391;&#65420;&#65439;\&#36100;&#28006;&#28207;&#35199;&#38450;&#27874;&#22564;&#28783;&#21488;&#26032;&#35373;&#24037;&#20107;.xls" TargetMode="External"/></Relationships>
</file>

<file path=xl/externalLinks/_rels/externalLink77.xml.rels><?xml version="1.0" encoding="UTF-8" standalone="yes"?>
<Relationships xmlns="http://schemas.openxmlformats.org/package/2006/relationships"><Relationship Id="rId1" Type="http://schemas.openxmlformats.org/officeDocument/2006/relationships/externalLinkPath" Target="file:///\\FS\kan\&#23567;&#26494;&#24066;\&#25552;&#20986;&#29992;\&#21335;&#37096;&#65328;&#65331;\&#21069;&#24029;&#24037;&#20107;.XLS" TargetMode="External"/></Relationships>
</file>

<file path=xl/externalLinks/_rels/externalLink78.xml.rels><?xml version="1.0" encoding="UTF-8" standalone="yes"?>
<Relationships xmlns="http://schemas.openxmlformats.org/package/2006/relationships"><Relationship Id="rId1" Type="http://schemas.openxmlformats.org/officeDocument/2006/relationships/externalLinkPath" Target="file:///\\Pc04\e\06\&#23665;&#30000;&#35373;&#35336;\&#22269;&#31246;&#23616;\&#31532;&#20108;&#24193;&#33294;\&#65315;&#65316;\&#21442;&#32771;-17&#24180;&#24230;&#35373;&#35336;&#22259;&#65288;&#31309;&#31639;&#21547;&#12416;&#65289;\17-&#38745;&#23713;&#31246;&#21209;&#32626;&#20869;&#37096;&#20107;&#21209;&#19968;&#20803;&#21270;&#31561;&#25913;&#20462;&#24037;&#20107;&#65348;&#65368;&#65350;\&#31309;&#31639;\&#37628;&#26448;&#25342;&#26360;.xls" TargetMode="External"/></Relationships>
</file>

<file path=xl/externalLinks/_rels/externalLink79.xml.rels><?xml version="1.0" encoding="UTF-8" standalone="yes"?>
<Relationships xmlns="http://schemas.openxmlformats.org/package/2006/relationships"><Relationship Id="rId1" Type="http://schemas.openxmlformats.org/officeDocument/2006/relationships/externalLinkPath" Target="file:///\\Takigahira\&#20849;&#26377;\&#12524;&#12483;&#12484;&#12494;&#12540;&#12488;&#65315;&#12489;&#12521;&#12452;&#12502;\&#27744;&#30000;\&#27738;&#27877;\&#65396;&#65400;&#65406;&#65433;311\bak\Fukumain.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G:\&#27700;&#36234;\&#23398;&#26657;&#24314;&#31689;G&#25285;&#24403;&#21942;&#32341;&#24037;&#20107;&#26045;&#24037;&#20381;&#38972;&#19968;&#35239;&#34920;(&#22519;&#34892;&#35336;&#30011;&#34920;&#65289;%20(2).xls" TargetMode="External"/></Relationships>
</file>

<file path=xl/externalLinks/_rels/externalLink80.xml.rels><?xml version="1.0" encoding="UTF-8" standalone="yes"?>
<Relationships xmlns="http://schemas.openxmlformats.org/package/2006/relationships"><Relationship Id="rId1" Type="http://schemas.openxmlformats.org/officeDocument/2006/relationships/externalLinkPath" Target="file:///L:\&#12456;&#12463;&#12475;&#12523;&#12487;&#12540;&#12479;\&#25918;&#20986;\&#12471;&#12540;&#12488;1_3.xls" TargetMode="External"/></Relationships>
</file>

<file path=xl/externalLinks/_rels/externalLink81.xml.rels><?xml version="1.0" encoding="UTF-8" standalone="yes"?>
<Relationships xmlns="http://schemas.openxmlformats.org/package/2006/relationships"><Relationship Id="rId1" Type="http://schemas.openxmlformats.org/officeDocument/2006/relationships/externalLinkPath" Target="file:///\\Ls-wtgl9f1\sekkei\WINDOWS\&#65411;&#65438;&#65405;&#65400;&#65412;&#65391;&#65420;&#65439;\&#35373;&#35336;&#26360;990712&#26681;&#25312;&#12354;&#12426;\&#22793;&#26356;&#32076;&#36027;.XLS" TargetMode="External"/></Relationships>
</file>

<file path=xl/externalLinks/_rels/externalLink82.xml.rels><?xml version="1.0" encoding="UTF-8" standalone="yes"?>
<Relationships xmlns="http://schemas.openxmlformats.org/package/2006/relationships"><Relationship Id="rId1" Type="http://schemas.openxmlformats.org/officeDocument/2006/relationships/externalLinkPath" Target="file:///\\OOSAWA\E\data\&#26716;&#20117;\&#65320;14\H143&#31995;&#25925;&#38556;\H143&#31995;&#38651;&#27671;&#25925;&#38556;&#34920;&#31034;.xls" TargetMode="External"/></Relationships>
</file>

<file path=xl/externalLinks/_rels/externalLink83.xml.rels><?xml version="1.0" encoding="UTF-8" standalone="yes"?>
<Relationships xmlns="http://schemas.openxmlformats.org/package/2006/relationships"><Relationship Id="rId1" Type="http://schemas.openxmlformats.org/officeDocument/2006/relationships/externalLinkPath" Target="file:///\\Pc03\E\WINDOWS\TEMP\&#22235;&#26085;&#24066;&#26481;&#21335;.xls" TargetMode="External"/></Relationships>
</file>

<file path=xl/externalLinks/_rels/externalLink84.xml.rels><?xml version="1.0" encoding="UTF-8" standalone="yes"?>
<Relationships xmlns="http://schemas.openxmlformats.org/package/2006/relationships"><Relationship Id="rId1" Type="http://schemas.openxmlformats.org/officeDocument/2006/relationships/externalLinkPath" Target="file:///A:\&#21508;&#37096;&#38272;\&#22303;&#26408;\SATO\&#21271;&#24029;&#23611;\&#26908;&#35342;&#26360;\&#37329;&#20837;&#12426;\&#22580;&#20869;&#25972;&#20633;.xls" TargetMode="External"/></Relationships>
</file>

<file path=xl/externalLinks/_rels/externalLink85.xml.rels><?xml version="1.0" encoding="UTF-8" standalone="yes"?>
<Relationships xmlns="http://schemas.openxmlformats.org/package/2006/relationships"><Relationship Id="rId1" Type="http://schemas.openxmlformats.org/officeDocument/2006/relationships/externalLinkPath" Target="file:///H:\Documents%20and%20Settings\00007036\&#12487;&#12473;&#12463;&#12488;&#12483;&#12503;\&#26408;&#26365;&#24029;&#35199;&#32784;&#38663;\&#35211;&#31309;\&#31309;&#31639;&#29992;&#32025;\&#33256;&#31354;&#20844;&#22290;\My%20Documents\&#22823;&#24220;&#20108;&#12484;&#27744;&#20844;&#22290;&#20415;&#25152;\&#22823;&#24220;&#35373;&#35336;&#26360;-&#24314;&#31689;.xls" TargetMode="External"/></Relationships>
</file>

<file path=xl/externalLinks/_rels/externalLink86.xml.rels><?xml version="1.0" encoding="UTF-8" standalone="yes"?>
<Relationships xmlns="http://schemas.openxmlformats.org/package/2006/relationships"><Relationship Id="rId1" Type="http://schemas.openxmlformats.org/officeDocument/2006/relationships/externalLinkPath" Target="file:///\\G0da75\&#25216;&#34899;&#26412;&#37096;\04&#27700;&#36947;&#37096;\&#26087;&#31532;2&#25216;&#34899;&#37096;\03&#35373;&#35336;&#31532;1g\H51102030&#23567;&#30000;&#21407;&#24066;&#39640;&#30000;&#27972;&#27700;&#22580;&#34220;&#27880;&#26045;&#35373;\00&#25104;&#26524;&#21697;\02&#31309;&#31639;&#36039;&#26009;\&#35373;&#35336;&#26360;\02&#23455;&#26045;&#35373;&#35336;&#26360;&#37329;&#20837;.xls" TargetMode="External"/></Relationships>
</file>

<file path=xl/externalLinks/_rels/externalLink87.xml.rels><?xml version="1.0" encoding="UTF-8" standalone="yes"?>
<Relationships xmlns="http://schemas.openxmlformats.org/package/2006/relationships"><Relationship Id="rId1" Type="http://schemas.openxmlformats.org/officeDocument/2006/relationships/externalLinkPath" Target="file:///\\fil-sv3\NAGOYA\&#26087;&#31532;2&#25216;&#34899;&#37096;\03&#35373;&#35336;&#31532;1g\H54101370&#38263;&#23713;&#24066;&#12288;&#22823;&#23798;&#12509;&#12531;&#12503;&#22580;&#27972;&#27700;&#27744;&#31689;&#36896;&#23455;&#26045;&#35373;&#35336;&#26989;&#21209;&#22996;&#35351;\41&#35373;&#35336;&#26360;\01-1&#35373;&#35336;&#26360;(&#26412;&#20307;)&#20462;&#27491;0914.xls" TargetMode="External"/></Relationships>
</file>

<file path=xl/externalLinks/_rels/externalLink88.xml.rels><?xml version="1.0" encoding="UTF-8" standalone="yes"?>
<Relationships xmlns="http://schemas.openxmlformats.org/package/2006/relationships"><Relationship Id="rId1" Type="http://schemas.openxmlformats.org/officeDocument/2006/relationships/externalLinkPath" Target="file:///\\E846670\&#20849;&#26377;&#20316;&#26989;&#20013;\&#20234;&#21218;&#65381;&#29066;&#37326;&#35686;&#23519;&#32626;&#32784;&#38663;&#35036;&#24375;&#35373;&#35336;\&#20234;&#21218;&#32626;\&#21335;&#37326;&#23567;&#38598;&#33853;\&#35373;&#35336;&#26360;\8&#26376;29&#26085;&#25552;&#20986;\&#21335;&#37326;&#12288;&#38651;&#27671;&#35373;&#35336;&#26360;.xls" TargetMode="External"/></Relationships>
</file>

<file path=xl/externalLinks/_rels/externalLink89.xml.rels><?xml version="1.0" encoding="UTF-8" standalone="yes"?>
<Relationships xmlns="http://schemas.openxmlformats.org/package/2006/relationships"><Relationship Id="rId1" Type="http://schemas.openxmlformats.org/officeDocument/2006/relationships/externalLinkPath" Target="file:///\\FS\kan\1&#37096;\1&#37096;&#27700;&#36794;\05Project&#65288;&#29694;&#34892;&#65289;\140-22900%20&#27969;&#26441;&#23455;&#26045;&#65288;&#22633;&#65289;\&#32013;&#21697;171004\&#37772;&#30000;1003&#26368;&#32066;\03&#35336;&#31639;&#26360;051003\&#20132;&#27969;&#12503;&#12521;&#12470;&#38306;&#36899;&#36039;&#26009;\16&#24180;&#24230;&#30330;&#27880;&#36039;&#26009;\&#24179;&#25104;16&#24180;&#24230;&#30330;&#27880;&#31532;2&#22238;&#22793;&#26356;\&#24179;&#25104;16&#24180;&#24230;&#30330;&#27880;&#24314;&#31689;&#20840;&#20307;&#20869;&#35379;&#26360;(&#31532;&#65297;&#22238;&#22793;&#26356;&#65289;.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K:\bak\Fukumain.xls" TargetMode="External"/></Relationships>
</file>

<file path=xl/externalLinks/_rels/externalLink90.xml.rels><?xml version="1.0" encoding="UTF-8" standalone="yes"?>
<Relationships xmlns="http://schemas.openxmlformats.org/package/2006/relationships"><Relationship Id="rId1" Type="http://schemas.openxmlformats.org/officeDocument/2006/relationships/externalLinkPath" Target="file:///K:\&#20316;&#26989;&#28168;&#29289;&#20214;\&#36870;&#20117;\Fukumain.xls" TargetMode="External"/></Relationships>
</file>

<file path=xl/externalLinks/_rels/externalLink91.xml.rels><?xml version="1.0" encoding="UTF-8" standalone="yes"?>
<Relationships xmlns="http://schemas.openxmlformats.org/package/2006/relationships"><Relationship Id="rId1" Type="http://schemas.openxmlformats.org/officeDocument/2006/relationships/externalLinkPath" Target="file:///\\NTSVR1\CSEnet\&#21508;&#37096;&#38272;\&#27700;&#36947;\kazu\&#23546;&#20117;&#30010;\&#24179;&#25104;10%20&#28271;&#35895;&#22320;&#21306;(&#12381;&#12398;&#65298;&#65289;\&#28271;&#12494;&#35895;&#20195;&#20385;.xls" TargetMode="External"/></Relationships>
</file>

<file path=xl/externalLinks/_rels/externalLink92.xml.rels><?xml version="1.0" encoding="UTF-8" standalone="yes"?>
<Relationships xmlns="http://schemas.openxmlformats.org/package/2006/relationships"><Relationship Id="rId1" Type="http://schemas.openxmlformats.org/officeDocument/2006/relationships/externalLinkPath" Target="file:///\\Server\Group_1\&#31309;&#31639;\&#33615;&#21407;&#35069;&#20316;&#25152;\2001&#24180;&#24230;\&#21644;&#30333;&#19979;&#27700;&#20966;&#29702;&#22580;\&#25968;&#37327;&#35336;&#31639;&#26360;\&#27738;&#27877;&#33073;&#27700;&#35373;&#20633;\&#65297;-01&#31995;&#32066;&#27784;&#26356;&#26032;.xls" TargetMode="External"/></Relationships>
</file>

<file path=xl/externalLinks/_rels/externalLink93.xml.rels><?xml version="1.0" encoding="UTF-8" standalone="yes"?>
<Relationships xmlns="http://schemas.openxmlformats.org/package/2006/relationships"><Relationship Id="rId1" Type="http://schemas.openxmlformats.org/officeDocument/2006/relationships/externalLinkPath" Target="file:///\\E846670\&#20849;&#26377;&#20316;&#26989;&#20013;\Documents%20and%20Settings\&#21069;&#24029;&#24314;&#31689;&#35373;&#35336;&#20107;&#21209;&#25152;\&#12487;&#12473;&#12463;&#12488;&#12483;&#12503;\&#26989;&#21209;\&#26032;&#30010;&#23567;&#23398;&#26657;&#32784;&#38663;&#35036;&#24375;\&#19968;&#27425;&#25104;&#26524;&#21697;&#12288;&#65320;17.9\&#21335;&#23798;&#30010;&#31435;&#21513;&#27941;&#23567;&#23398;&#26657;&#23627;&#20869;&#36939;&#21205;&#22580;\&#65320;13&#21335;&#37326;&#23567;&#38598;&#33853;\&#35373;&#35336;&#26360;\&#32102;&#25490;&#12288;&#20869;&#35379;&#26360;.xls" TargetMode="External"/></Relationships>
</file>

<file path=xl/externalLinks/_rels/externalLink94.xml.rels><?xml version="1.0" encoding="UTF-8" standalone="yes"?>
<Relationships xmlns="http://schemas.openxmlformats.org/package/2006/relationships"><Relationship Id="rId1" Type="http://schemas.openxmlformats.org/officeDocument/2006/relationships/externalLinkPath" Target="file:///\\Xa-13-1\e\&#65320;&#65297;&#65296;&#12288;&#12466;&#12540;&#12488;&#35373;&#20633;&#35373;&#35336;&#26360;.xls" TargetMode="External"/></Relationships>
</file>

<file path=xl/externalLinks/_rels/externalLink95.xml.rels><?xml version="1.0" encoding="UTF-8" standalone="yes"?>
<Relationships xmlns="http://schemas.openxmlformats.org/package/2006/relationships"><Relationship Id="rId1" Type="http://schemas.openxmlformats.org/officeDocument/2006/relationships/externalLinkPath" Target="/&#65320;&#65305;&#26360;&#39006;/&#31309;&#31639;/&#39321;&#20303;&#21271;&#29305;&#20462;&#31309;&#31639;.xls" TargetMode="External"/></Relationships>
</file>

<file path=xl/externalLinks/_rels/externalLink96.xml.rels><?xml version="1.0" encoding="UTF-8" standalone="yes"?>
<Relationships xmlns="http://schemas.openxmlformats.org/package/2006/relationships"><Relationship Id="rId1" Type="http://schemas.openxmlformats.org/officeDocument/2006/relationships/externalLinkPath" Target="http://172.16.1.10/scripts/cbag/ag.exe/&#24859;&#30693;&#30476;&#20195;&#20385;&#34920;.XLS" TargetMode="External"/></Relationships>
</file>

<file path=xl/externalLinks/_rels/externalLink97.xml.rels><?xml version="1.0" encoding="UTF-8" standalone="yes"?>
<Relationships xmlns="http://schemas.openxmlformats.org/package/2006/relationships"><Relationship Id="rId1" Type="http://schemas.openxmlformats.org/officeDocument/2006/relationships/externalLinkPath" Target="/&#27231;&#26800;&#35373;&#20633;&#21336;&#20385;&#34920;/H22&#27231;&#26800;&#21336;&#20385;/C&#34907;&#29983;&#22120;&#20855;&#35373;&#20633;2010&#23436;&#25104;.xls" TargetMode="External"/></Relationships>
</file>

<file path=xl/externalLinks/_rels/externalLink98.xml.rels><?xml version="1.0" encoding="UTF-8" standalone="yes"?>
<Relationships xmlns="http://schemas.openxmlformats.org/package/2006/relationships"><Relationship Id="rId1" Type="http://schemas.openxmlformats.org/officeDocument/2006/relationships/externalLinkPath" Target="file:///C:\&#27231;&#26800;&#35373;&#20633;&#21336;&#20385;&#34920;\H22&#27231;&#26800;&#21336;&#20385;\C&#34907;&#29983;&#22120;&#20855;&#35373;&#20633;2010&#23436;&#25104;.xls" TargetMode="External"/></Relationships>
</file>

<file path=xl/externalLinks/_rels/externalLink99.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B&#26032;&#35373;&#23567;&#23398;&#26657;&#31649;&#24037;&#20107;(&#26032;&#20869;&#35379;)&#25511;&#12360;.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10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10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機械損料能美市参考"/>
      <sheetName val="鏡"/>
      <sheetName val="代価 1～"/>
      <sheetName val="代価 46～"/>
      <sheetName val="代価 77～"/>
      <sheetName val="代価98～"/>
      <sheetName val="代価122～"/>
      <sheetName val="→印刷しない"/>
      <sheetName val="単価一覧"/>
      <sheetName val="物価資料価格表(変更後)"/>
      <sheetName val="物価資料価格表 (数計変更前)"/>
      <sheetName val="不要代価( ﾊﾞｯｸｱｯﾌﾟ)20080417"/>
      <sheetName val="鋳鉄管切断機損料 (H19)ｴﾝｼﾞﾝｶｯﾀ"/>
      <sheetName val="鋳鉄管切断機損料 (H19)ﾊﾟｲﾌﾟ切断同時"/>
      <sheetName val="鋳鉄管切断機損料 (H19)ﾊﾟｲﾌﾟ切断"/>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ow r="2">
          <cell r="B2" t="str">
            <v>物　価　資　料　単　価　表</v>
          </cell>
          <cell r="G2" t="str">
            <v>全国</v>
          </cell>
          <cell r="I2" t="str">
            <v>H20年4月号</v>
          </cell>
          <cell r="J2" t="str">
            <v>建設物価</v>
          </cell>
          <cell r="K2" t="str">
            <v>積算資料</v>
          </cell>
        </row>
        <row r="3">
          <cell r="B3" t="str">
            <v>資材・材料</v>
          </cell>
          <cell r="C3" t="str">
            <v>規格・形状</v>
          </cell>
          <cell r="D3" t="str">
            <v>単位</v>
          </cell>
          <cell r="E3" t="str">
            <v>建設物価</v>
          </cell>
          <cell r="F3" t="str">
            <v>頁</v>
          </cell>
          <cell r="G3" t="str">
            <v>積算資料</v>
          </cell>
          <cell r="H3" t="str">
            <v>頁</v>
          </cell>
          <cell r="I3" t="str">
            <v>平均</v>
          </cell>
          <cell r="J3" t="str">
            <v>円／ｋｇ</v>
          </cell>
          <cell r="K3" t="str">
            <v>円／ｋｇ</v>
          </cell>
          <cell r="L3" t="str">
            <v>質量(kg)</v>
          </cell>
        </row>
        <row r="4">
          <cell r="A4">
            <v>1306.5</v>
          </cell>
          <cell r="B4">
            <v>0</v>
          </cell>
          <cell r="C4">
            <v>0</v>
          </cell>
        </row>
        <row r="5">
          <cell r="A5">
            <v>1307</v>
          </cell>
          <cell r="B5">
            <v>0</v>
          </cell>
          <cell r="C5">
            <v>0</v>
          </cell>
          <cell r="D5">
            <v>0</v>
          </cell>
          <cell r="E5">
            <v>58400</v>
          </cell>
          <cell r="F5">
            <v>239</v>
          </cell>
          <cell r="G5">
            <v>59300</v>
          </cell>
          <cell r="H5">
            <v>238</v>
          </cell>
          <cell r="I5">
            <v>58850</v>
          </cell>
        </row>
        <row r="6">
          <cell r="A6">
            <v>1307.5</v>
          </cell>
          <cell r="B6">
            <v>0</v>
          </cell>
          <cell r="C6">
            <v>0</v>
          </cell>
        </row>
        <row r="7">
          <cell r="A7">
            <v>1308</v>
          </cell>
          <cell r="B7">
            <v>0</v>
          </cell>
          <cell r="C7">
            <v>0</v>
          </cell>
          <cell r="D7">
            <v>0</v>
          </cell>
          <cell r="E7">
            <v>46800</v>
          </cell>
          <cell r="F7">
            <v>240</v>
          </cell>
          <cell r="G7">
            <v>47800</v>
          </cell>
          <cell r="H7">
            <v>238</v>
          </cell>
          <cell r="I7">
            <v>47300</v>
          </cell>
        </row>
        <row r="8">
          <cell r="A8">
            <v>1308.5</v>
          </cell>
          <cell r="B8">
            <v>0</v>
          </cell>
          <cell r="C8">
            <v>0</v>
          </cell>
        </row>
        <row r="9">
          <cell r="A9">
            <v>1309</v>
          </cell>
          <cell r="B9">
            <v>0</v>
          </cell>
          <cell r="C9">
            <v>0</v>
          </cell>
          <cell r="D9">
            <v>0</v>
          </cell>
          <cell r="E9">
            <v>14700</v>
          </cell>
          <cell r="F9">
            <v>240</v>
          </cell>
          <cell r="G9">
            <v>15600</v>
          </cell>
          <cell r="H9">
            <v>238</v>
          </cell>
          <cell r="I9">
            <v>15150</v>
          </cell>
        </row>
        <row r="10">
          <cell r="A10">
            <v>1309.5</v>
          </cell>
          <cell r="B10">
            <v>0</v>
          </cell>
          <cell r="C10">
            <v>0</v>
          </cell>
          <cell r="E10" t="str">
            <v>520×318.0kg</v>
          </cell>
          <cell r="G10" t="str">
            <v>577×318.0kg</v>
          </cell>
        </row>
        <row r="11">
          <cell r="A11">
            <v>1310</v>
          </cell>
          <cell r="B11">
            <v>0</v>
          </cell>
          <cell r="C11">
            <v>0</v>
          </cell>
          <cell r="D11">
            <v>0</v>
          </cell>
          <cell r="E11">
            <v>165360</v>
          </cell>
          <cell r="F11">
            <v>240</v>
          </cell>
          <cell r="G11">
            <v>183486</v>
          </cell>
          <cell r="H11">
            <v>240</v>
          </cell>
          <cell r="I11">
            <v>174423</v>
          </cell>
          <cell r="J11">
            <v>520</v>
          </cell>
          <cell r="K11">
            <v>577</v>
          </cell>
          <cell r="L11">
            <v>318</v>
          </cell>
        </row>
        <row r="12">
          <cell r="A12">
            <v>1311.5</v>
          </cell>
          <cell r="B12">
            <v>0</v>
          </cell>
          <cell r="C12">
            <v>0</v>
          </cell>
          <cell r="E12" t="str">
            <v>470×103.0kg</v>
          </cell>
          <cell r="G12" t="str">
            <v>525×103.0kg</v>
          </cell>
        </row>
        <row r="13">
          <cell r="A13">
            <v>1312</v>
          </cell>
          <cell r="B13">
            <v>0</v>
          </cell>
          <cell r="C13">
            <v>0</v>
          </cell>
          <cell r="D13">
            <v>0</v>
          </cell>
          <cell r="E13">
            <v>48410</v>
          </cell>
          <cell r="F13">
            <v>240</v>
          </cell>
          <cell r="G13">
            <v>54075</v>
          </cell>
          <cell r="H13">
            <v>240</v>
          </cell>
          <cell r="I13">
            <v>51242</v>
          </cell>
          <cell r="J13">
            <v>470</v>
          </cell>
          <cell r="K13">
            <v>525</v>
          </cell>
          <cell r="L13">
            <v>103</v>
          </cell>
        </row>
        <row r="14">
          <cell r="A14">
            <v>1312.5</v>
          </cell>
          <cell r="B14">
            <v>0</v>
          </cell>
          <cell r="C14">
            <v>0</v>
          </cell>
          <cell r="E14" t="str">
            <v>470×75.8kg</v>
          </cell>
          <cell r="G14" t="str">
            <v>525×75.8kg</v>
          </cell>
        </row>
        <row r="15">
          <cell r="A15">
            <v>1313</v>
          </cell>
          <cell r="B15">
            <v>0</v>
          </cell>
          <cell r="C15">
            <v>0</v>
          </cell>
          <cell r="D15">
            <v>0</v>
          </cell>
          <cell r="E15">
            <v>35626</v>
          </cell>
          <cell r="F15">
            <v>240</v>
          </cell>
          <cell r="G15">
            <v>39795</v>
          </cell>
          <cell r="H15">
            <v>240</v>
          </cell>
          <cell r="I15">
            <v>37710</v>
          </cell>
          <cell r="J15">
            <v>470</v>
          </cell>
          <cell r="K15">
            <v>525</v>
          </cell>
          <cell r="L15">
            <v>75.8</v>
          </cell>
        </row>
        <row r="16">
          <cell r="A16">
            <v>1316.5</v>
          </cell>
          <cell r="B16">
            <v>0</v>
          </cell>
          <cell r="C16">
            <v>0</v>
          </cell>
          <cell r="E16" t="str">
            <v>500×146.0kg</v>
          </cell>
          <cell r="G16" t="str">
            <v>547×146.0kg</v>
          </cell>
        </row>
        <row r="17">
          <cell r="A17">
            <v>1317</v>
          </cell>
          <cell r="B17">
            <v>0</v>
          </cell>
          <cell r="C17">
            <v>0</v>
          </cell>
          <cell r="D17">
            <v>0</v>
          </cell>
          <cell r="E17">
            <v>73000</v>
          </cell>
          <cell r="F17">
            <v>240</v>
          </cell>
          <cell r="G17">
            <v>79862</v>
          </cell>
          <cell r="H17">
            <v>240</v>
          </cell>
          <cell r="I17">
            <v>76431</v>
          </cell>
          <cell r="J17">
            <v>500</v>
          </cell>
          <cell r="K17">
            <v>547</v>
          </cell>
          <cell r="L17">
            <v>146</v>
          </cell>
        </row>
        <row r="18">
          <cell r="A18">
            <v>1317.5</v>
          </cell>
          <cell r="B18">
            <v>0</v>
          </cell>
          <cell r="C18">
            <v>0</v>
          </cell>
          <cell r="E18" t="str">
            <v>500×131.0kg</v>
          </cell>
          <cell r="G18" t="str">
            <v>547×131.0kg</v>
          </cell>
        </row>
        <row r="19">
          <cell r="A19">
            <v>1318</v>
          </cell>
          <cell r="B19">
            <v>0</v>
          </cell>
          <cell r="C19">
            <v>0</v>
          </cell>
          <cell r="D19">
            <v>0</v>
          </cell>
          <cell r="E19">
            <v>65500</v>
          </cell>
          <cell r="F19">
            <v>240</v>
          </cell>
          <cell r="G19">
            <v>71657</v>
          </cell>
          <cell r="H19">
            <v>240</v>
          </cell>
          <cell r="I19">
            <v>68578</v>
          </cell>
          <cell r="J19">
            <v>500</v>
          </cell>
          <cell r="K19">
            <v>547</v>
          </cell>
          <cell r="L19">
            <v>131</v>
          </cell>
        </row>
        <row r="20">
          <cell r="A20">
            <v>1320.5</v>
          </cell>
          <cell r="B20">
            <v>0</v>
          </cell>
          <cell r="C20">
            <v>0</v>
          </cell>
          <cell r="E20" t="str">
            <v>520×107.0kg</v>
          </cell>
          <cell r="G20" t="str">
            <v>577×107.0kg</v>
          </cell>
        </row>
        <row r="21">
          <cell r="A21">
            <v>1321</v>
          </cell>
          <cell r="B21">
            <v>0</v>
          </cell>
          <cell r="C21">
            <v>0</v>
          </cell>
          <cell r="D21">
            <v>0</v>
          </cell>
          <cell r="E21">
            <v>55640</v>
          </cell>
          <cell r="F21">
            <v>240</v>
          </cell>
          <cell r="G21">
            <v>61739</v>
          </cell>
          <cell r="H21">
            <v>240</v>
          </cell>
          <cell r="I21">
            <v>58689</v>
          </cell>
          <cell r="J21">
            <v>520</v>
          </cell>
          <cell r="K21">
            <v>577</v>
          </cell>
          <cell r="L21">
            <v>107</v>
          </cell>
        </row>
        <row r="22">
          <cell r="A22">
            <v>1322.5</v>
          </cell>
          <cell r="B22">
            <v>0</v>
          </cell>
          <cell r="C22">
            <v>0</v>
          </cell>
          <cell r="E22" t="str">
            <v>470×14.2kg</v>
          </cell>
          <cell r="G22" t="str">
            <v>525×14.2kg</v>
          </cell>
        </row>
        <row r="23">
          <cell r="A23">
            <v>1323</v>
          </cell>
          <cell r="B23">
            <v>0</v>
          </cell>
          <cell r="C23">
            <v>0</v>
          </cell>
          <cell r="D23">
            <v>0</v>
          </cell>
          <cell r="E23">
            <v>6674</v>
          </cell>
          <cell r="F23">
            <v>240</v>
          </cell>
          <cell r="G23">
            <v>7455</v>
          </cell>
          <cell r="H23">
            <v>240</v>
          </cell>
          <cell r="I23">
            <v>7064</v>
          </cell>
          <cell r="J23">
            <v>470</v>
          </cell>
          <cell r="K23">
            <v>525</v>
          </cell>
          <cell r="L23">
            <v>14.2</v>
          </cell>
        </row>
        <row r="24">
          <cell r="A24">
            <v>1323.5</v>
          </cell>
          <cell r="B24">
            <v>0</v>
          </cell>
          <cell r="C24">
            <v>0</v>
          </cell>
          <cell r="E24" t="str">
            <v>500×81.2kg</v>
          </cell>
          <cell r="G24" t="str">
            <v>547×81.2kg</v>
          </cell>
        </row>
        <row r="25">
          <cell r="A25">
            <v>1324</v>
          </cell>
          <cell r="B25">
            <v>0</v>
          </cell>
          <cell r="C25">
            <v>0</v>
          </cell>
          <cell r="D25">
            <v>0</v>
          </cell>
          <cell r="E25">
            <v>40600</v>
          </cell>
          <cell r="F25">
            <v>240</v>
          </cell>
          <cell r="G25">
            <v>44416</v>
          </cell>
          <cell r="H25">
            <v>240</v>
          </cell>
          <cell r="I25">
            <v>42508</v>
          </cell>
          <cell r="J25">
            <v>500</v>
          </cell>
          <cell r="K25">
            <v>547</v>
          </cell>
          <cell r="L25">
            <v>81.2</v>
          </cell>
        </row>
        <row r="26">
          <cell r="A26">
            <v>1325.5</v>
          </cell>
          <cell r="B26">
            <v>0</v>
          </cell>
          <cell r="C26">
            <v>0</v>
          </cell>
          <cell r="E26" t="str">
            <v>500×32.7kg</v>
          </cell>
          <cell r="G26" t="str">
            <v>547×32.7kg</v>
          </cell>
        </row>
        <row r="27">
          <cell r="A27">
            <v>1326</v>
          </cell>
          <cell r="B27">
            <v>0</v>
          </cell>
          <cell r="C27">
            <v>0</v>
          </cell>
          <cell r="D27">
            <v>0</v>
          </cell>
          <cell r="E27">
            <v>16350</v>
          </cell>
          <cell r="F27">
            <v>240</v>
          </cell>
          <cell r="G27">
            <v>17886</v>
          </cell>
          <cell r="H27">
            <v>240</v>
          </cell>
          <cell r="I27">
            <v>17118</v>
          </cell>
          <cell r="J27">
            <v>500</v>
          </cell>
          <cell r="K27">
            <v>547</v>
          </cell>
          <cell r="L27">
            <v>32.700000000000003</v>
          </cell>
        </row>
        <row r="28">
          <cell r="A28">
            <v>1326.5</v>
          </cell>
          <cell r="B28">
            <v>0</v>
          </cell>
          <cell r="C28">
            <v>0</v>
          </cell>
          <cell r="E28" t="str">
            <v>470×57.5kg</v>
          </cell>
          <cell r="G28" t="str">
            <v>525×57.5kg</v>
          </cell>
        </row>
        <row r="29">
          <cell r="A29">
            <v>1327</v>
          </cell>
          <cell r="B29">
            <v>0</v>
          </cell>
          <cell r="C29">
            <v>0</v>
          </cell>
          <cell r="D29">
            <v>0</v>
          </cell>
          <cell r="E29">
            <v>27025</v>
          </cell>
          <cell r="F29">
            <v>240</v>
          </cell>
          <cell r="G29">
            <v>30187</v>
          </cell>
          <cell r="H29">
            <v>240</v>
          </cell>
          <cell r="I29">
            <v>28606</v>
          </cell>
          <cell r="J29">
            <v>470</v>
          </cell>
          <cell r="K29">
            <v>525</v>
          </cell>
          <cell r="L29">
            <v>57.5</v>
          </cell>
        </row>
        <row r="30">
          <cell r="A30">
            <v>1329.5</v>
          </cell>
          <cell r="B30">
            <v>0</v>
          </cell>
          <cell r="C30">
            <v>0</v>
          </cell>
          <cell r="E30" t="str">
            <v>500×121.0kg</v>
          </cell>
          <cell r="G30" t="str">
            <v>547×121.0kg</v>
          </cell>
        </row>
        <row r="31">
          <cell r="A31">
            <v>1330</v>
          </cell>
          <cell r="B31">
            <v>0</v>
          </cell>
          <cell r="C31">
            <v>0</v>
          </cell>
          <cell r="D31">
            <v>0</v>
          </cell>
          <cell r="E31">
            <v>60500</v>
          </cell>
          <cell r="F31">
            <v>240</v>
          </cell>
          <cell r="G31">
            <v>66187</v>
          </cell>
          <cell r="H31">
            <v>240</v>
          </cell>
          <cell r="I31">
            <v>63343</v>
          </cell>
          <cell r="J31">
            <v>500</v>
          </cell>
          <cell r="K31">
            <v>547</v>
          </cell>
          <cell r="L31">
            <v>121</v>
          </cell>
        </row>
        <row r="32">
          <cell r="A32">
            <v>1330.5</v>
          </cell>
          <cell r="B32">
            <v>0</v>
          </cell>
          <cell r="C32">
            <v>0</v>
          </cell>
          <cell r="E32" t="str">
            <v>500×158.0kg</v>
          </cell>
          <cell r="G32" t="str">
            <v>547×158.0kg</v>
          </cell>
        </row>
        <row r="33">
          <cell r="A33">
            <v>1331</v>
          </cell>
          <cell r="B33">
            <v>0</v>
          </cell>
          <cell r="C33">
            <v>0</v>
          </cell>
          <cell r="D33">
            <v>0</v>
          </cell>
          <cell r="E33">
            <v>79000</v>
          </cell>
          <cell r="F33">
            <v>240</v>
          </cell>
          <cell r="G33">
            <v>86426</v>
          </cell>
          <cell r="H33">
            <v>240</v>
          </cell>
          <cell r="I33">
            <v>82713</v>
          </cell>
          <cell r="J33">
            <v>500</v>
          </cell>
          <cell r="K33">
            <v>547</v>
          </cell>
          <cell r="L33">
            <v>158</v>
          </cell>
        </row>
        <row r="34">
          <cell r="A34">
            <v>1331.5</v>
          </cell>
          <cell r="B34">
            <v>0</v>
          </cell>
          <cell r="C34">
            <v>0</v>
          </cell>
          <cell r="E34" t="str">
            <v>470×65.2kg</v>
          </cell>
          <cell r="G34" t="str">
            <v>525×65.2kg</v>
          </cell>
        </row>
        <row r="35">
          <cell r="A35">
            <v>1332</v>
          </cell>
          <cell r="B35">
            <v>0</v>
          </cell>
          <cell r="C35">
            <v>0</v>
          </cell>
          <cell r="D35">
            <v>0</v>
          </cell>
          <cell r="E35">
            <v>30644</v>
          </cell>
          <cell r="F35">
            <v>240</v>
          </cell>
          <cell r="G35">
            <v>34230</v>
          </cell>
          <cell r="H35">
            <v>240</v>
          </cell>
          <cell r="I35">
            <v>32437</v>
          </cell>
          <cell r="J35">
            <v>470</v>
          </cell>
          <cell r="K35">
            <v>525</v>
          </cell>
          <cell r="L35">
            <v>65.2</v>
          </cell>
        </row>
        <row r="36">
          <cell r="A36">
            <v>1332.5</v>
          </cell>
          <cell r="B36">
            <v>0</v>
          </cell>
          <cell r="C36">
            <v>0</v>
          </cell>
          <cell r="E36" t="str">
            <v>470×49.0kg</v>
          </cell>
          <cell r="G36" t="str">
            <v>525×49.0kg</v>
          </cell>
        </row>
        <row r="37">
          <cell r="A37">
            <v>1333</v>
          </cell>
          <cell r="B37">
            <v>0</v>
          </cell>
          <cell r="C37">
            <v>0</v>
          </cell>
          <cell r="D37">
            <v>0</v>
          </cell>
          <cell r="E37">
            <v>23030</v>
          </cell>
          <cell r="F37">
            <v>240</v>
          </cell>
          <cell r="G37">
            <v>25725</v>
          </cell>
          <cell r="H37">
            <v>240</v>
          </cell>
          <cell r="I37">
            <v>24377</v>
          </cell>
          <cell r="J37">
            <v>470</v>
          </cell>
          <cell r="K37">
            <v>525</v>
          </cell>
          <cell r="L37">
            <v>49</v>
          </cell>
        </row>
        <row r="38">
          <cell r="A38">
            <v>1334.5</v>
          </cell>
          <cell r="B38">
            <v>0</v>
          </cell>
          <cell r="C38">
            <v>0</v>
          </cell>
          <cell r="E38" t="str">
            <v>470×0.0kg</v>
          </cell>
          <cell r="G38" t="str">
            <v>525×0.0kg</v>
          </cell>
        </row>
        <row r="39">
          <cell r="A39">
            <v>1335</v>
          </cell>
          <cell r="B39">
            <v>0</v>
          </cell>
          <cell r="C39">
            <v>0</v>
          </cell>
          <cell r="D39">
            <v>0</v>
          </cell>
          <cell r="E39">
            <v>49300</v>
          </cell>
          <cell r="F39">
            <v>240</v>
          </cell>
          <cell r="G39">
            <v>49900</v>
          </cell>
          <cell r="H39">
            <v>240</v>
          </cell>
          <cell r="I39">
            <v>49600</v>
          </cell>
          <cell r="J39">
            <v>470</v>
          </cell>
          <cell r="K39">
            <v>525</v>
          </cell>
        </row>
        <row r="40">
          <cell r="A40">
            <v>1335.5</v>
          </cell>
          <cell r="B40">
            <v>0</v>
          </cell>
          <cell r="C40">
            <v>0</v>
          </cell>
          <cell r="E40" t="str">
            <v>500×196.0kg</v>
          </cell>
          <cell r="G40" t="str">
            <v>547×196.0kg</v>
          </cell>
        </row>
        <row r="41">
          <cell r="A41">
            <v>1336</v>
          </cell>
          <cell r="B41">
            <v>0</v>
          </cell>
          <cell r="C41">
            <v>0</v>
          </cell>
          <cell r="D41">
            <v>0</v>
          </cell>
          <cell r="E41">
            <v>98000</v>
          </cell>
          <cell r="F41">
            <v>240</v>
          </cell>
          <cell r="G41">
            <v>107212</v>
          </cell>
          <cell r="H41">
            <v>240</v>
          </cell>
          <cell r="I41">
            <v>102606</v>
          </cell>
          <cell r="J41">
            <v>500</v>
          </cell>
          <cell r="K41">
            <v>547</v>
          </cell>
          <cell r="L41">
            <v>196</v>
          </cell>
        </row>
        <row r="42">
          <cell r="A42">
            <v>1336.5</v>
          </cell>
          <cell r="B42">
            <v>0</v>
          </cell>
          <cell r="C42">
            <v>0</v>
          </cell>
          <cell r="E42" t="str">
            <v>470×46.4kg</v>
          </cell>
          <cell r="G42" t="str">
            <v>525×46.4kg</v>
          </cell>
        </row>
        <row r="43">
          <cell r="A43">
            <v>1337</v>
          </cell>
          <cell r="B43">
            <v>0</v>
          </cell>
          <cell r="C43">
            <v>0</v>
          </cell>
          <cell r="D43">
            <v>0</v>
          </cell>
          <cell r="E43">
            <v>21808</v>
          </cell>
          <cell r="F43">
            <v>240</v>
          </cell>
          <cell r="G43">
            <v>24360</v>
          </cell>
          <cell r="H43">
            <v>240</v>
          </cell>
          <cell r="I43">
            <v>23084</v>
          </cell>
          <cell r="J43">
            <v>470</v>
          </cell>
          <cell r="K43">
            <v>525</v>
          </cell>
          <cell r="L43">
            <v>46.4</v>
          </cell>
        </row>
        <row r="44">
          <cell r="A44">
            <v>1338.5</v>
          </cell>
          <cell r="B44">
            <v>0</v>
          </cell>
          <cell r="C44">
            <v>0</v>
          </cell>
          <cell r="E44" t="str">
            <v>500×196.0kg</v>
          </cell>
          <cell r="G44" t="str">
            <v>547×196.0kg</v>
          </cell>
        </row>
        <row r="45">
          <cell r="A45">
            <v>1339</v>
          </cell>
          <cell r="B45">
            <v>0</v>
          </cell>
          <cell r="C45">
            <v>0</v>
          </cell>
          <cell r="D45">
            <v>0</v>
          </cell>
          <cell r="E45">
            <v>98000</v>
          </cell>
          <cell r="F45">
            <v>240</v>
          </cell>
          <cell r="G45">
            <v>107212</v>
          </cell>
          <cell r="H45">
            <v>240</v>
          </cell>
          <cell r="I45">
            <v>102606</v>
          </cell>
          <cell r="J45">
            <v>500</v>
          </cell>
          <cell r="K45">
            <v>547</v>
          </cell>
          <cell r="L45">
            <v>196</v>
          </cell>
        </row>
        <row r="46">
          <cell r="A46">
            <v>1340.5</v>
          </cell>
          <cell r="B46">
            <v>0</v>
          </cell>
          <cell r="C46">
            <v>0</v>
          </cell>
          <cell r="E46" t="str">
            <v>500×226.0kg</v>
          </cell>
          <cell r="G46" t="str">
            <v>547×226.0kg</v>
          </cell>
        </row>
        <row r="47">
          <cell r="A47">
            <v>1341</v>
          </cell>
          <cell r="B47">
            <v>0</v>
          </cell>
          <cell r="C47">
            <v>0</v>
          </cell>
          <cell r="D47">
            <v>0</v>
          </cell>
          <cell r="E47">
            <v>113000</v>
          </cell>
          <cell r="F47">
            <v>240</v>
          </cell>
          <cell r="G47">
            <v>123622</v>
          </cell>
          <cell r="H47">
            <v>240</v>
          </cell>
          <cell r="I47">
            <v>118311</v>
          </cell>
          <cell r="J47">
            <v>500</v>
          </cell>
          <cell r="K47">
            <v>547</v>
          </cell>
          <cell r="L47">
            <v>226</v>
          </cell>
        </row>
        <row r="48">
          <cell r="A48">
            <v>1342.5</v>
          </cell>
          <cell r="B48">
            <v>0</v>
          </cell>
          <cell r="C48">
            <v>0</v>
          </cell>
          <cell r="E48" t="str">
            <v>470×38.5kg</v>
          </cell>
          <cell r="G48" t="str">
            <v>525×38.5kg</v>
          </cell>
        </row>
        <row r="49">
          <cell r="A49">
            <v>1343</v>
          </cell>
          <cell r="B49">
            <v>0</v>
          </cell>
          <cell r="C49">
            <v>0</v>
          </cell>
          <cell r="D49">
            <v>0</v>
          </cell>
          <cell r="E49">
            <v>18095</v>
          </cell>
          <cell r="F49">
            <v>240</v>
          </cell>
          <cell r="G49">
            <v>20212</v>
          </cell>
          <cell r="H49">
            <v>240</v>
          </cell>
          <cell r="I49">
            <v>19153</v>
          </cell>
          <cell r="J49">
            <v>470</v>
          </cell>
          <cell r="K49">
            <v>525</v>
          </cell>
          <cell r="L49">
            <v>38.5</v>
          </cell>
        </row>
        <row r="50">
          <cell r="A50">
            <v>1343.5</v>
          </cell>
          <cell r="B50">
            <v>0</v>
          </cell>
          <cell r="C50">
            <v>0</v>
          </cell>
          <cell r="E50" t="str">
            <v>470×26.4kg</v>
          </cell>
          <cell r="G50" t="str">
            <v>525×26.4kg</v>
          </cell>
        </row>
        <row r="51">
          <cell r="A51">
            <v>1344</v>
          </cell>
          <cell r="B51">
            <v>0</v>
          </cell>
          <cell r="C51">
            <v>0</v>
          </cell>
          <cell r="D51">
            <v>0</v>
          </cell>
          <cell r="E51">
            <v>12408</v>
          </cell>
          <cell r="F51">
            <v>240</v>
          </cell>
          <cell r="G51">
            <v>13860</v>
          </cell>
          <cell r="H51">
            <v>240</v>
          </cell>
          <cell r="I51">
            <v>13134</v>
          </cell>
          <cell r="J51">
            <v>470</v>
          </cell>
          <cell r="K51">
            <v>525</v>
          </cell>
          <cell r="L51">
            <v>26.4</v>
          </cell>
        </row>
        <row r="52">
          <cell r="A52">
            <v>1346.5</v>
          </cell>
          <cell r="B52">
            <v>0</v>
          </cell>
          <cell r="C52">
            <v>0</v>
          </cell>
          <cell r="E52" t="str">
            <v>500×141.0kg</v>
          </cell>
          <cell r="G52" t="str">
            <v>547×141.0kg</v>
          </cell>
        </row>
        <row r="53">
          <cell r="A53">
            <v>1347</v>
          </cell>
          <cell r="B53">
            <v>0</v>
          </cell>
          <cell r="C53">
            <v>0</v>
          </cell>
          <cell r="D53">
            <v>0</v>
          </cell>
          <cell r="E53">
            <v>70500</v>
          </cell>
          <cell r="F53">
            <v>240</v>
          </cell>
          <cell r="G53">
            <v>77127</v>
          </cell>
          <cell r="H53">
            <v>240</v>
          </cell>
          <cell r="I53">
            <v>73813</v>
          </cell>
          <cell r="J53">
            <v>500</v>
          </cell>
          <cell r="K53">
            <v>547</v>
          </cell>
          <cell r="L53">
            <v>141</v>
          </cell>
        </row>
        <row r="54">
          <cell r="A54">
            <v>1347.5</v>
          </cell>
          <cell r="B54">
            <v>0</v>
          </cell>
          <cell r="C54">
            <v>0</v>
          </cell>
          <cell r="E54" t="str">
            <v>550×52.7kg</v>
          </cell>
          <cell r="G54" t="str">
            <v>600×52.7kg</v>
          </cell>
        </row>
        <row r="55">
          <cell r="A55">
            <v>1348</v>
          </cell>
          <cell r="B55">
            <v>0</v>
          </cell>
          <cell r="C55">
            <v>0</v>
          </cell>
          <cell r="D55">
            <v>0</v>
          </cell>
          <cell r="E55">
            <v>28985</v>
          </cell>
          <cell r="F55">
            <v>240</v>
          </cell>
          <cell r="G55">
            <v>31620</v>
          </cell>
          <cell r="H55">
            <v>240</v>
          </cell>
          <cell r="I55">
            <v>30302</v>
          </cell>
          <cell r="J55">
            <v>550</v>
          </cell>
          <cell r="K55">
            <v>600</v>
          </cell>
          <cell r="L55">
            <v>52.7</v>
          </cell>
        </row>
        <row r="56">
          <cell r="A56">
            <v>1349.5</v>
          </cell>
          <cell r="B56">
            <v>0</v>
          </cell>
          <cell r="C56">
            <v>0</v>
          </cell>
          <cell r="E56" t="str">
            <v>590×74.7kg</v>
          </cell>
          <cell r="G56" t="str">
            <v>630×74.7kg</v>
          </cell>
        </row>
        <row r="57">
          <cell r="A57">
            <v>1350</v>
          </cell>
          <cell r="B57">
            <v>0</v>
          </cell>
          <cell r="C57">
            <v>0</v>
          </cell>
          <cell r="D57">
            <v>0</v>
          </cell>
          <cell r="E57">
            <v>44073</v>
          </cell>
          <cell r="F57">
            <v>240</v>
          </cell>
          <cell r="G57">
            <v>47061</v>
          </cell>
          <cell r="H57">
            <v>240</v>
          </cell>
          <cell r="I57">
            <v>45567</v>
          </cell>
          <cell r="J57">
            <v>590</v>
          </cell>
          <cell r="K57">
            <v>630</v>
          </cell>
          <cell r="L57">
            <v>74.7</v>
          </cell>
        </row>
        <row r="58">
          <cell r="A58">
            <v>1361.5</v>
          </cell>
          <cell r="B58">
            <v>0</v>
          </cell>
          <cell r="C58">
            <v>0</v>
          </cell>
        </row>
        <row r="59">
          <cell r="A59">
            <v>1362</v>
          </cell>
          <cell r="B59">
            <v>0</v>
          </cell>
          <cell r="C59">
            <v>0</v>
          </cell>
          <cell r="D59">
            <v>0</v>
          </cell>
          <cell r="E59">
            <v>25500</v>
          </cell>
          <cell r="F59">
            <v>241</v>
          </cell>
          <cell r="G59">
            <v>24800</v>
          </cell>
          <cell r="H59">
            <v>241</v>
          </cell>
          <cell r="I59">
            <v>25150</v>
          </cell>
          <cell r="J59">
            <v>470</v>
          </cell>
          <cell r="K59">
            <v>525</v>
          </cell>
        </row>
        <row r="60">
          <cell r="A60">
            <v>1362.5</v>
          </cell>
          <cell r="B60">
            <v>0</v>
          </cell>
          <cell r="C60">
            <v>0</v>
          </cell>
        </row>
        <row r="61">
          <cell r="A61">
            <v>1363</v>
          </cell>
          <cell r="B61">
            <v>0</v>
          </cell>
          <cell r="C61">
            <v>0</v>
          </cell>
          <cell r="D61">
            <v>0</v>
          </cell>
          <cell r="E61">
            <v>15500</v>
          </cell>
          <cell r="F61">
            <v>241</v>
          </cell>
          <cell r="G61">
            <v>15100</v>
          </cell>
          <cell r="H61">
            <v>241</v>
          </cell>
          <cell r="I61">
            <v>15300</v>
          </cell>
          <cell r="J61">
            <v>470</v>
          </cell>
          <cell r="K61">
            <v>525</v>
          </cell>
        </row>
        <row r="62">
          <cell r="A62">
            <v>1363.5</v>
          </cell>
          <cell r="B62">
            <v>0</v>
          </cell>
          <cell r="C62">
            <v>0</v>
          </cell>
        </row>
        <row r="63">
          <cell r="A63">
            <v>1364</v>
          </cell>
          <cell r="B63">
            <v>0</v>
          </cell>
          <cell r="C63">
            <v>0</v>
          </cell>
          <cell r="D63">
            <v>0</v>
          </cell>
          <cell r="E63">
            <v>3120</v>
          </cell>
          <cell r="F63">
            <v>241</v>
          </cell>
          <cell r="G63">
            <v>3160</v>
          </cell>
          <cell r="H63">
            <v>241</v>
          </cell>
          <cell r="I63">
            <v>3140</v>
          </cell>
          <cell r="J63">
            <v>470</v>
          </cell>
          <cell r="K63">
            <v>525</v>
          </cell>
        </row>
        <row r="64">
          <cell r="A64">
            <v>1364.5</v>
          </cell>
          <cell r="B64">
            <v>0</v>
          </cell>
          <cell r="C64">
            <v>0</v>
          </cell>
        </row>
        <row r="65">
          <cell r="A65">
            <v>1365</v>
          </cell>
          <cell r="B65">
            <v>0</v>
          </cell>
          <cell r="C65">
            <v>0</v>
          </cell>
          <cell r="D65">
            <v>0</v>
          </cell>
          <cell r="E65">
            <v>20200</v>
          </cell>
          <cell r="F65">
            <v>241</v>
          </cell>
          <cell r="G65">
            <v>19600</v>
          </cell>
          <cell r="H65">
            <v>241</v>
          </cell>
          <cell r="I65">
            <v>19900</v>
          </cell>
          <cell r="J65">
            <v>470</v>
          </cell>
          <cell r="K65">
            <v>525</v>
          </cell>
        </row>
        <row r="66">
          <cell r="A66">
            <v>1365.5</v>
          </cell>
          <cell r="B66">
            <v>0</v>
          </cell>
          <cell r="C66">
            <v>0</v>
          </cell>
        </row>
        <row r="67">
          <cell r="A67">
            <v>1366</v>
          </cell>
          <cell r="B67">
            <v>0</v>
          </cell>
          <cell r="C67">
            <v>0</v>
          </cell>
          <cell r="D67">
            <v>0</v>
          </cell>
          <cell r="E67">
            <v>8360</v>
          </cell>
          <cell r="F67">
            <v>241</v>
          </cell>
          <cell r="G67">
            <v>8480</v>
          </cell>
          <cell r="H67">
            <v>241</v>
          </cell>
          <cell r="I67">
            <v>8420</v>
          </cell>
          <cell r="J67">
            <v>470</v>
          </cell>
          <cell r="K67">
            <v>525</v>
          </cell>
        </row>
        <row r="68">
          <cell r="A68">
            <v>1366.5</v>
          </cell>
          <cell r="B68">
            <v>0</v>
          </cell>
          <cell r="C68">
            <v>0</v>
          </cell>
        </row>
        <row r="69">
          <cell r="A69">
            <v>1367</v>
          </cell>
          <cell r="B69">
            <v>0</v>
          </cell>
          <cell r="C69">
            <v>0</v>
          </cell>
          <cell r="D69">
            <v>0</v>
          </cell>
          <cell r="E69">
            <v>6190</v>
          </cell>
          <cell r="F69">
            <v>241</v>
          </cell>
          <cell r="G69">
            <v>6280</v>
          </cell>
          <cell r="H69">
            <v>241</v>
          </cell>
          <cell r="I69">
            <v>6235</v>
          </cell>
          <cell r="J69">
            <v>470</v>
          </cell>
          <cell r="K69">
            <v>525</v>
          </cell>
        </row>
        <row r="70">
          <cell r="A70">
            <v>1367.5</v>
          </cell>
          <cell r="B70">
            <v>0</v>
          </cell>
          <cell r="C70">
            <v>0</v>
          </cell>
        </row>
        <row r="71">
          <cell r="A71">
            <v>1368</v>
          </cell>
          <cell r="B71">
            <v>0</v>
          </cell>
          <cell r="C71">
            <v>0</v>
          </cell>
          <cell r="D71">
            <v>0</v>
          </cell>
          <cell r="E71">
            <v>10400</v>
          </cell>
          <cell r="F71">
            <v>241</v>
          </cell>
          <cell r="G71">
            <v>10100</v>
          </cell>
          <cell r="H71">
            <v>241</v>
          </cell>
          <cell r="I71">
            <v>10250</v>
          </cell>
          <cell r="J71">
            <v>470</v>
          </cell>
          <cell r="K71">
            <v>525</v>
          </cell>
        </row>
        <row r="72">
          <cell r="A72">
            <v>1368.5</v>
          </cell>
          <cell r="B72">
            <v>0</v>
          </cell>
          <cell r="C72">
            <v>0</v>
          </cell>
        </row>
        <row r="73">
          <cell r="A73">
            <v>1369</v>
          </cell>
          <cell r="B73">
            <v>0</v>
          </cell>
          <cell r="C73">
            <v>0</v>
          </cell>
          <cell r="D73">
            <v>0</v>
          </cell>
          <cell r="E73">
            <v>22700</v>
          </cell>
          <cell r="F73">
            <v>241</v>
          </cell>
          <cell r="G73">
            <v>22000</v>
          </cell>
          <cell r="H73">
            <v>241</v>
          </cell>
          <cell r="I73">
            <v>22350</v>
          </cell>
          <cell r="J73">
            <v>470</v>
          </cell>
          <cell r="K73">
            <v>525</v>
          </cell>
        </row>
        <row r="74">
          <cell r="A74">
            <v>1370.5</v>
          </cell>
          <cell r="B74">
            <v>0</v>
          </cell>
          <cell r="C74">
            <v>0</v>
          </cell>
        </row>
        <row r="75">
          <cell r="A75">
            <v>1371</v>
          </cell>
          <cell r="B75">
            <v>0</v>
          </cell>
          <cell r="C75">
            <v>0</v>
          </cell>
          <cell r="D75">
            <v>0</v>
          </cell>
          <cell r="E75">
            <v>8360</v>
          </cell>
          <cell r="F75">
            <v>241</v>
          </cell>
          <cell r="G75">
            <v>8360</v>
          </cell>
          <cell r="H75">
            <v>241</v>
          </cell>
          <cell r="I75">
            <v>8360</v>
          </cell>
          <cell r="J75">
            <v>470</v>
          </cell>
          <cell r="K75">
            <v>525</v>
          </cell>
        </row>
        <row r="76">
          <cell r="A76">
            <v>1371.5</v>
          </cell>
          <cell r="B76">
            <v>0</v>
          </cell>
          <cell r="C76">
            <v>0</v>
          </cell>
        </row>
        <row r="77">
          <cell r="A77">
            <v>1372</v>
          </cell>
          <cell r="B77">
            <v>0</v>
          </cell>
          <cell r="C77">
            <v>0</v>
          </cell>
          <cell r="D77">
            <v>0</v>
          </cell>
          <cell r="E77">
            <v>4760</v>
          </cell>
          <cell r="F77">
            <v>241</v>
          </cell>
          <cell r="G77">
            <v>4760</v>
          </cell>
          <cell r="H77">
            <v>241</v>
          </cell>
          <cell r="I77">
            <v>4760</v>
          </cell>
          <cell r="J77">
            <v>470</v>
          </cell>
          <cell r="K77">
            <v>525</v>
          </cell>
        </row>
        <row r="78">
          <cell r="A78">
            <v>1372.5</v>
          </cell>
          <cell r="B78">
            <v>0</v>
          </cell>
          <cell r="C78">
            <v>0</v>
          </cell>
        </row>
        <row r="79">
          <cell r="A79">
            <v>1373</v>
          </cell>
          <cell r="B79">
            <v>0</v>
          </cell>
          <cell r="C79">
            <v>0</v>
          </cell>
          <cell r="D79">
            <v>0</v>
          </cell>
          <cell r="E79">
            <v>3500</v>
          </cell>
          <cell r="F79">
            <v>241</v>
          </cell>
          <cell r="G79">
            <v>3500</v>
          </cell>
          <cell r="H79">
            <v>241</v>
          </cell>
          <cell r="I79">
            <v>3500</v>
          </cell>
          <cell r="J79">
            <v>470</v>
          </cell>
          <cell r="K79">
            <v>525</v>
          </cell>
        </row>
        <row r="80">
          <cell r="A80">
            <v>1373.5</v>
          </cell>
          <cell r="B80">
            <v>0</v>
          </cell>
          <cell r="C80">
            <v>0</v>
          </cell>
        </row>
        <row r="81">
          <cell r="A81">
            <v>1374</v>
          </cell>
          <cell r="B81">
            <v>0</v>
          </cell>
          <cell r="C81">
            <v>0</v>
          </cell>
          <cell r="D81">
            <v>0</v>
          </cell>
          <cell r="E81">
            <v>6550</v>
          </cell>
          <cell r="F81">
            <v>241</v>
          </cell>
          <cell r="G81">
            <v>6550</v>
          </cell>
          <cell r="H81">
            <v>241</v>
          </cell>
          <cell r="I81">
            <v>6550</v>
          </cell>
          <cell r="J81">
            <v>470</v>
          </cell>
          <cell r="K81">
            <v>525</v>
          </cell>
        </row>
        <row r="82">
          <cell r="A82">
            <v>1374.5</v>
          </cell>
          <cell r="B82">
            <v>0</v>
          </cell>
          <cell r="C82">
            <v>0</v>
          </cell>
        </row>
        <row r="83">
          <cell r="A83">
            <v>1375</v>
          </cell>
          <cell r="B83">
            <v>0</v>
          </cell>
          <cell r="C83">
            <v>0</v>
          </cell>
          <cell r="D83">
            <v>0</v>
          </cell>
          <cell r="E83">
            <v>12700</v>
          </cell>
          <cell r="F83">
            <v>241</v>
          </cell>
          <cell r="G83">
            <v>12700</v>
          </cell>
          <cell r="H83">
            <v>241</v>
          </cell>
          <cell r="I83">
            <v>12700</v>
          </cell>
          <cell r="J83">
            <v>470</v>
          </cell>
          <cell r="K83">
            <v>525</v>
          </cell>
        </row>
        <row r="84">
          <cell r="A84">
            <v>1381.5</v>
          </cell>
          <cell r="B84">
            <v>0</v>
          </cell>
          <cell r="C84">
            <v>0</v>
          </cell>
        </row>
        <row r="85">
          <cell r="A85">
            <v>1382</v>
          </cell>
          <cell r="B85">
            <v>0</v>
          </cell>
          <cell r="C85">
            <v>0</v>
          </cell>
          <cell r="D85">
            <v>0</v>
          </cell>
          <cell r="E85">
            <v>93900</v>
          </cell>
          <cell r="F85">
            <v>250</v>
          </cell>
          <cell r="G85">
            <v>93900</v>
          </cell>
          <cell r="H85">
            <v>250</v>
          </cell>
          <cell r="I85">
            <v>93900</v>
          </cell>
          <cell r="J85">
            <v>470</v>
          </cell>
          <cell r="K85">
            <v>525</v>
          </cell>
        </row>
        <row r="86">
          <cell r="A86">
            <v>1386.5</v>
          </cell>
          <cell r="B86">
            <v>0</v>
          </cell>
          <cell r="C86">
            <v>0</v>
          </cell>
        </row>
        <row r="87">
          <cell r="A87">
            <v>1387</v>
          </cell>
          <cell r="B87">
            <v>0</v>
          </cell>
          <cell r="C87">
            <v>0</v>
          </cell>
          <cell r="D87">
            <v>0</v>
          </cell>
          <cell r="E87">
            <v>6810</v>
          </cell>
          <cell r="F87">
            <v>240</v>
          </cell>
          <cell r="G87">
            <v>6810</v>
          </cell>
          <cell r="H87">
            <v>240</v>
          </cell>
          <cell r="I87">
            <v>6810</v>
          </cell>
        </row>
        <row r="88">
          <cell r="A88">
            <v>1387.5</v>
          </cell>
          <cell r="B88">
            <v>0</v>
          </cell>
          <cell r="C88">
            <v>0</v>
          </cell>
        </row>
        <row r="89">
          <cell r="A89">
            <v>1388</v>
          </cell>
          <cell r="B89">
            <v>0</v>
          </cell>
          <cell r="C89">
            <v>0</v>
          </cell>
          <cell r="D89">
            <v>0</v>
          </cell>
          <cell r="E89">
            <v>5160</v>
          </cell>
          <cell r="F89">
            <v>240</v>
          </cell>
          <cell r="G89">
            <v>5160</v>
          </cell>
          <cell r="H89">
            <v>240</v>
          </cell>
          <cell r="I89">
            <v>5160</v>
          </cell>
        </row>
        <row r="90">
          <cell r="A90">
            <v>1388.5</v>
          </cell>
          <cell r="B90">
            <v>0</v>
          </cell>
          <cell r="C90">
            <v>0</v>
          </cell>
        </row>
        <row r="91">
          <cell r="A91">
            <v>1389</v>
          </cell>
          <cell r="B91">
            <v>0</v>
          </cell>
          <cell r="C91">
            <v>0</v>
          </cell>
          <cell r="D91">
            <v>0</v>
          </cell>
          <cell r="E91">
            <v>4450</v>
          </cell>
          <cell r="F91">
            <v>240</v>
          </cell>
          <cell r="G91">
            <v>4450</v>
          </cell>
          <cell r="H91">
            <v>240</v>
          </cell>
          <cell r="I91">
            <v>4450</v>
          </cell>
        </row>
        <row r="92">
          <cell r="A92">
            <v>1395.5</v>
          </cell>
          <cell r="B92">
            <v>0</v>
          </cell>
          <cell r="C92" t="str">
            <v>折りたたみ式 ﾀﾞﾌﾞﾙ</v>
          </cell>
        </row>
        <row r="93">
          <cell r="A93">
            <v>1396</v>
          </cell>
          <cell r="B93" t="str">
            <v>埋設標識ｼｰﾄ</v>
          </cell>
          <cell r="C93" t="str">
            <v>150mm×50,000Ｌ</v>
          </cell>
          <cell r="D93" t="str">
            <v>ｍ</v>
          </cell>
          <cell r="E93">
            <v>7150</v>
          </cell>
          <cell r="F93">
            <v>554</v>
          </cell>
          <cell r="G93">
            <v>7150</v>
          </cell>
          <cell r="H93">
            <v>597</v>
          </cell>
          <cell r="I93">
            <v>7150</v>
          </cell>
        </row>
        <row r="94">
          <cell r="A94">
            <v>1400.5</v>
          </cell>
          <cell r="B94">
            <v>0</v>
          </cell>
          <cell r="C94">
            <v>0</v>
          </cell>
          <cell r="E94" t="str">
            <v>470×13.2kg</v>
          </cell>
          <cell r="G94" t="str">
            <v>525×13.2kg</v>
          </cell>
        </row>
        <row r="95">
          <cell r="A95">
            <v>1401</v>
          </cell>
          <cell r="B95">
            <v>0</v>
          </cell>
          <cell r="C95">
            <v>0</v>
          </cell>
          <cell r="D95">
            <v>0</v>
          </cell>
          <cell r="E95">
            <v>6204</v>
          </cell>
          <cell r="F95">
            <v>240</v>
          </cell>
          <cell r="G95">
            <v>6930</v>
          </cell>
          <cell r="H95">
            <v>240</v>
          </cell>
          <cell r="I95">
            <v>6567</v>
          </cell>
          <cell r="J95">
            <v>470</v>
          </cell>
          <cell r="K95">
            <v>525</v>
          </cell>
          <cell r="L95">
            <v>13.2</v>
          </cell>
        </row>
        <row r="96">
          <cell r="A96">
            <v>1403.5</v>
          </cell>
          <cell r="B96">
            <v>0</v>
          </cell>
          <cell r="C96">
            <v>0</v>
          </cell>
          <cell r="E96" t="str">
            <v>470×53.8kg</v>
          </cell>
          <cell r="G96" t="str">
            <v>525×53.8kg</v>
          </cell>
        </row>
        <row r="97">
          <cell r="A97">
            <v>1404</v>
          </cell>
          <cell r="B97">
            <v>0</v>
          </cell>
          <cell r="C97">
            <v>0</v>
          </cell>
          <cell r="D97">
            <v>0</v>
          </cell>
          <cell r="E97">
            <v>25286</v>
          </cell>
          <cell r="F97">
            <v>240</v>
          </cell>
          <cell r="G97">
            <v>28245</v>
          </cell>
          <cell r="H97">
            <v>240</v>
          </cell>
          <cell r="I97">
            <v>26765</v>
          </cell>
          <cell r="J97">
            <v>470</v>
          </cell>
          <cell r="K97">
            <v>525</v>
          </cell>
          <cell r="L97">
            <v>53.8</v>
          </cell>
        </row>
        <row r="98">
          <cell r="A98">
            <v>1411.5</v>
          </cell>
          <cell r="B98">
            <v>0</v>
          </cell>
          <cell r="C98">
            <v>0</v>
          </cell>
        </row>
        <row r="99">
          <cell r="A99">
            <v>1412</v>
          </cell>
          <cell r="B99">
            <v>0</v>
          </cell>
          <cell r="C99">
            <v>0</v>
          </cell>
          <cell r="D99">
            <v>0</v>
          </cell>
          <cell r="E99">
            <v>73800</v>
          </cell>
          <cell r="F99">
            <v>240</v>
          </cell>
          <cell r="G99">
            <v>73800</v>
          </cell>
          <cell r="H99">
            <v>240</v>
          </cell>
          <cell r="I99">
            <v>73800</v>
          </cell>
        </row>
        <row r="100">
          <cell r="A100">
            <v>1412.5</v>
          </cell>
          <cell r="B100">
            <v>0</v>
          </cell>
          <cell r="C100">
            <v>0</v>
          </cell>
        </row>
        <row r="101">
          <cell r="A101">
            <v>1413</v>
          </cell>
          <cell r="B101">
            <v>0</v>
          </cell>
          <cell r="C101">
            <v>0</v>
          </cell>
          <cell r="D101">
            <v>0</v>
          </cell>
          <cell r="E101">
            <v>125000</v>
          </cell>
          <cell r="F101">
            <v>240</v>
          </cell>
          <cell r="G101">
            <v>125000</v>
          </cell>
          <cell r="H101">
            <v>240</v>
          </cell>
          <cell r="I101">
            <v>125000</v>
          </cell>
        </row>
        <row r="102">
          <cell r="A102">
            <v>1413.5</v>
          </cell>
          <cell r="B102">
            <v>0</v>
          </cell>
          <cell r="C102">
            <v>0</v>
          </cell>
        </row>
        <row r="103">
          <cell r="A103">
            <v>1414</v>
          </cell>
          <cell r="B103">
            <v>0</v>
          </cell>
          <cell r="C103">
            <v>0</v>
          </cell>
          <cell r="D103">
            <v>0</v>
          </cell>
          <cell r="E103">
            <v>86700</v>
          </cell>
          <cell r="F103">
            <v>240</v>
          </cell>
          <cell r="G103">
            <v>86700</v>
          </cell>
          <cell r="H103">
            <v>240</v>
          </cell>
          <cell r="I103">
            <v>86700</v>
          </cell>
        </row>
        <row r="104">
          <cell r="A104">
            <v>1414.5</v>
          </cell>
          <cell r="B104">
            <v>0</v>
          </cell>
          <cell r="C104">
            <v>0</v>
          </cell>
        </row>
        <row r="105">
          <cell r="A105">
            <v>1415</v>
          </cell>
          <cell r="B105">
            <v>0</v>
          </cell>
          <cell r="C105">
            <v>0</v>
          </cell>
          <cell r="D105">
            <v>0</v>
          </cell>
          <cell r="E105">
            <v>74700</v>
          </cell>
          <cell r="F105">
            <v>240</v>
          </cell>
          <cell r="G105">
            <v>74700</v>
          </cell>
          <cell r="H105">
            <v>240</v>
          </cell>
          <cell r="I105">
            <v>74700</v>
          </cell>
        </row>
        <row r="106">
          <cell r="A106">
            <v>1415.5</v>
          </cell>
          <cell r="B106">
            <v>0</v>
          </cell>
          <cell r="C106">
            <v>0</v>
          </cell>
        </row>
        <row r="107">
          <cell r="A107">
            <v>1416</v>
          </cell>
          <cell r="B107">
            <v>0</v>
          </cell>
          <cell r="C107">
            <v>0</v>
          </cell>
          <cell r="D107">
            <v>0</v>
          </cell>
          <cell r="E107">
            <v>18000</v>
          </cell>
          <cell r="F107">
            <v>240</v>
          </cell>
          <cell r="G107">
            <v>18000</v>
          </cell>
          <cell r="H107">
            <v>240</v>
          </cell>
          <cell r="I107">
            <v>18000</v>
          </cell>
        </row>
        <row r="108">
          <cell r="A108">
            <v>1416.5</v>
          </cell>
          <cell r="B108">
            <v>0</v>
          </cell>
          <cell r="C108">
            <v>0</v>
          </cell>
        </row>
        <row r="109">
          <cell r="A109">
            <v>1417</v>
          </cell>
          <cell r="B109">
            <v>0</v>
          </cell>
          <cell r="C109">
            <v>0</v>
          </cell>
          <cell r="D109">
            <v>0</v>
          </cell>
          <cell r="E109">
            <v>316000</v>
          </cell>
          <cell r="F109">
            <v>250</v>
          </cell>
          <cell r="G109">
            <v>305000</v>
          </cell>
          <cell r="H109">
            <v>250</v>
          </cell>
          <cell r="I109">
            <v>310500</v>
          </cell>
        </row>
        <row r="110">
          <cell r="A110">
            <v>1419.5</v>
          </cell>
          <cell r="B110">
            <v>0</v>
          </cell>
          <cell r="C110">
            <v>0</v>
          </cell>
        </row>
        <row r="111">
          <cell r="A111">
            <v>1420</v>
          </cell>
          <cell r="B111">
            <v>0</v>
          </cell>
          <cell r="C111">
            <v>0</v>
          </cell>
          <cell r="D111">
            <v>0</v>
          </cell>
          <cell r="E111">
            <v>69500</v>
          </cell>
          <cell r="F111">
            <v>240</v>
          </cell>
          <cell r="G111">
            <v>69500</v>
          </cell>
          <cell r="H111">
            <v>240</v>
          </cell>
          <cell r="I111">
            <v>69500</v>
          </cell>
        </row>
        <row r="112">
          <cell r="A112">
            <v>1420.5</v>
          </cell>
          <cell r="B112">
            <v>0</v>
          </cell>
          <cell r="C112">
            <v>0</v>
          </cell>
        </row>
        <row r="113">
          <cell r="A113">
            <v>1421</v>
          </cell>
          <cell r="B113">
            <v>0</v>
          </cell>
          <cell r="C113">
            <v>0</v>
          </cell>
          <cell r="D113">
            <v>0</v>
          </cell>
          <cell r="E113">
            <v>6080</v>
          </cell>
          <cell r="F113">
            <v>240</v>
          </cell>
          <cell r="G113">
            <v>6080</v>
          </cell>
          <cell r="H113">
            <v>240</v>
          </cell>
          <cell r="I113">
            <v>6080</v>
          </cell>
        </row>
        <row r="114">
          <cell r="A114">
            <v>1421.5</v>
          </cell>
          <cell r="B114">
            <v>0</v>
          </cell>
          <cell r="C114">
            <v>0</v>
          </cell>
        </row>
        <row r="115">
          <cell r="A115">
            <v>1422</v>
          </cell>
          <cell r="B115">
            <v>0</v>
          </cell>
          <cell r="C115">
            <v>0</v>
          </cell>
          <cell r="D115">
            <v>0</v>
          </cell>
          <cell r="E115">
            <v>16300</v>
          </cell>
          <cell r="F115">
            <v>240</v>
          </cell>
          <cell r="G115">
            <v>16300</v>
          </cell>
          <cell r="H115">
            <v>240</v>
          </cell>
          <cell r="I115">
            <v>16300</v>
          </cell>
        </row>
        <row r="116">
          <cell r="A116">
            <v>1422.5</v>
          </cell>
          <cell r="B116">
            <v>0</v>
          </cell>
          <cell r="C116">
            <v>0</v>
          </cell>
        </row>
        <row r="117">
          <cell r="A117">
            <v>1423</v>
          </cell>
          <cell r="B117">
            <v>0</v>
          </cell>
          <cell r="C117">
            <v>0</v>
          </cell>
          <cell r="D117">
            <v>0</v>
          </cell>
          <cell r="E117">
            <v>8500</v>
          </cell>
          <cell r="F117">
            <v>240</v>
          </cell>
          <cell r="G117">
            <v>8500</v>
          </cell>
          <cell r="H117">
            <v>240</v>
          </cell>
          <cell r="I117">
            <v>8500</v>
          </cell>
        </row>
        <row r="118">
          <cell r="A118">
            <v>1423.5</v>
          </cell>
          <cell r="B118">
            <v>0</v>
          </cell>
          <cell r="C118">
            <v>0</v>
          </cell>
        </row>
        <row r="119">
          <cell r="A119">
            <v>1424</v>
          </cell>
          <cell r="B119">
            <v>0</v>
          </cell>
          <cell r="C119">
            <v>0</v>
          </cell>
          <cell r="D119">
            <v>0</v>
          </cell>
          <cell r="E119">
            <v>143000</v>
          </cell>
          <cell r="F119">
            <v>250</v>
          </cell>
          <cell r="G119">
            <v>143000</v>
          </cell>
          <cell r="H119">
            <v>250</v>
          </cell>
          <cell r="I119">
            <v>143000</v>
          </cell>
        </row>
        <row r="120">
          <cell r="A120">
            <v>1425.5</v>
          </cell>
          <cell r="B120">
            <v>0</v>
          </cell>
          <cell r="C120">
            <v>0</v>
          </cell>
          <cell r="E120" t="str">
            <v>500×93.0kg</v>
          </cell>
          <cell r="G120" t="str">
            <v>547×93.0kg</v>
          </cell>
        </row>
        <row r="121">
          <cell r="A121">
            <v>1426</v>
          </cell>
          <cell r="B121">
            <v>0</v>
          </cell>
          <cell r="C121">
            <v>0</v>
          </cell>
          <cell r="D121">
            <v>0</v>
          </cell>
          <cell r="E121">
            <v>46500</v>
          </cell>
          <cell r="F121">
            <v>240</v>
          </cell>
          <cell r="G121">
            <v>50871</v>
          </cell>
          <cell r="H121">
            <v>240</v>
          </cell>
          <cell r="I121">
            <v>48685</v>
          </cell>
          <cell r="J121">
            <v>500</v>
          </cell>
          <cell r="K121">
            <v>547</v>
          </cell>
          <cell r="L121">
            <v>93</v>
          </cell>
        </row>
        <row r="122">
          <cell r="A122">
            <v>1427.5</v>
          </cell>
          <cell r="B122">
            <v>0</v>
          </cell>
          <cell r="C122">
            <v>0</v>
          </cell>
          <cell r="E122" t="str">
            <v>500×228.0kg</v>
          </cell>
          <cell r="G122" t="str">
            <v>547×228.0kg</v>
          </cell>
        </row>
        <row r="123">
          <cell r="A123">
            <v>1428</v>
          </cell>
          <cell r="B123">
            <v>0</v>
          </cell>
          <cell r="C123">
            <v>0</v>
          </cell>
          <cell r="D123">
            <v>0</v>
          </cell>
          <cell r="E123">
            <v>114000</v>
          </cell>
          <cell r="F123">
            <v>240</v>
          </cell>
          <cell r="G123">
            <v>124716</v>
          </cell>
          <cell r="H123">
            <v>240</v>
          </cell>
          <cell r="I123">
            <v>119358</v>
          </cell>
          <cell r="J123">
            <v>500</v>
          </cell>
          <cell r="K123">
            <v>547</v>
          </cell>
          <cell r="L123">
            <v>228</v>
          </cell>
        </row>
        <row r="124">
          <cell r="A124">
            <v>1428.5</v>
          </cell>
          <cell r="B124">
            <v>0</v>
          </cell>
          <cell r="C124">
            <v>0</v>
          </cell>
          <cell r="E124" t="str">
            <v>500×94.1kg</v>
          </cell>
          <cell r="G124" t="str">
            <v>547×94.1kg</v>
          </cell>
        </row>
        <row r="125">
          <cell r="A125">
            <v>1429</v>
          </cell>
          <cell r="B125">
            <v>0</v>
          </cell>
          <cell r="C125">
            <v>0</v>
          </cell>
          <cell r="D125">
            <v>0</v>
          </cell>
          <cell r="E125">
            <v>47050</v>
          </cell>
          <cell r="F125">
            <v>240</v>
          </cell>
          <cell r="G125">
            <v>51472</v>
          </cell>
          <cell r="H125">
            <v>240</v>
          </cell>
          <cell r="I125">
            <v>49261</v>
          </cell>
          <cell r="J125">
            <v>500</v>
          </cell>
          <cell r="K125">
            <v>547</v>
          </cell>
          <cell r="L125">
            <v>94.1</v>
          </cell>
        </row>
        <row r="126">
          <cell r="A126">
            <v>1429.5</v>
          </cell>
          <cell r="B126">
            <v>0</v>
          </cell>
          <cell r="C126">
            <v>0</v>
          </cell>
        </row>
        <row r="127">
          <cell r="A127">
            <v>1430</v>
          </cell>
          <cell r="B127">
            <v>0</v>
          </cell>
          <cell r="C127">
            <v>0</v>
          </cell>
          <cell r="D127">
            <v>0</v>
          </cell>
          <cell r="E127">
            <v>592000</v>
          </cell>
          <cell r="F127">
            <v>250</v>
          </cell>
          <cell r="G127">
            <v>571000</v>
          </cell>
          <cell r="H127">
            <v>250</v>
          </cell>
          <cell r="I127">
            <v>581500</v>
          </cell>
        </row>
        <row r="128">
          <cell r="A128">
            <v>1431.5</v>
          </cell>
          <cell r="B128">
            <v>0</v>
          </cell>
          <cell r="C128">
            <v>0</v>
          </cell>
          <cell r="E128" t="str">
            <v>470×43.9kg</v>
          </cell>
          <cell r="G128" t="str">
            <v>525×43.9kg</v>
          </cell>
        </row>
        <row r="129">
          <cell r="A129">
            <v>1432</v>
          </cell>
          <cell r="B129">
            <v>0</v>
          </cell>
          <cell r="C129">
            <v>0</v>
          </cell>
          <cell r="D129">
            <v>0</v>
          </cell>
          <cell r="E129">
            <v>20633</v>
          </cell>
          <cell r="F129">
            <v>240</v>
          </cell>
          <cell r="G129">
            <v>23047</v>
          </cell>
          <cell r="H129">
            <v>240</v>
          </cell>
          <cell r="I129">
            <v>21840</v>
          </cell>
          <cell r="J129">
            <v>470</v>
          </cell>
          <cell r="K129">
            <v>525</v>
          </cell>
          <cell r="L129">
            <v>43.9</v>
          </cell>
        </row>
        <row r="130">
          <cell r="A130">
            <v>-0.5</v>
          </cell>
        </row>
        <row r="131">
          <cell r="B131" t="str">
            <v>粘着テープ</v>
          </cell>
          <cell r="C131" t="str">
            <v>厚0.2mm×幅19mm×20ｍ</v>
          </cell>
          <cell r="D131" t="str">
            <v>ｍ</v>
          </cell>
          <cell r="E131">
            <v>9</v>
          </cell>
          <cell r="F131">
            <v>630</v>
          </cell>
          <cell r="G131" t="str">
            <v>-</v>
          </cell>
          <cell r="I131">
            <v>9</v>
          </cell>
        </row>
        <row r="132">
          <cell r="A132">
            <v>-0.5</v>
          </cell>
          <cell r="B132">
            <v>0</v>
          </cell>
          <cell r="C132">
            <v>0</v>
          </cell>
        </row>
        <row r="133">
          <cell r="B133">
            <v>0</v>
          </cell>
          <cell r="C133">
            <v>0</v>
          </cell>
          <cell r="D133">
            <v>0</v>
          </cell>
        </row>
        <row r="134">
          <cell r="A134">
            <v>-0.5</v>
          </cell>
          <cell r="B134">
            <v>0</v>
          </cell>
          <cell r="C134">
            <v>0</v>
          </cell>
        </row>
        <row r="135">
          <cell r="B135">
            <v>0</v>
          </cell>
          <cell r="C135">
            <v>0</v>
          </cell>
          <cell r="D135">
            <v>0</v>
          </cell>
        </row>
        <row r="136">
          <cell r="A136">
            <v>-0.5</v>
          </cell>
          <cell r="B136">
            <v>0</v>
          </cell>
          <cell r="C136">
            <v>0</v>
          </cell>
        </row>
        <row r="137">
          <cell r="B137">
            <v>0</v>
          </cell>
          <cell r="C137">
            <v>0</v>
          </cell>
          <cell r="D137">
            <v>0</v>
          </cell>
        </row>
        <row r="138">
          <cell r="A138">
            <v>-0.5</v>
          </cell>
          <cell r="B138">
            <v>0</v>
          </cell>
          <cell r="C138">
            <v>0</v>
          </cell>
        </row>
        <row r="139">
          <cell r="B139">
            <v>0</v>
          </cell>
          <cell r="C139">
            <v>0</v>
          </cell>
          <cell r="D139">
            <v>0</v>
          </cell>
        </row>
        <row r="140">
          <cell r="A140">
            <v>-0.5</v>
          </cell>
          <cell r="B140">
            <v>0</v>
          </cell>
          <cell r="C140">
            <v>0</v>
          </cell>
        </row>
        <row r="141">
          <cell r="B141">
            <v>0</v>
          </cell>
          <cell r="C141">
            <v>0</v>
          </cell>
          <cell r="D141">
            <v>0</v>
          </cell>
        </row>
        <row r="142">
          <cell r="A142">
            <v>-0.5</v>
          </cell>
          <cell r="B142">
            <v>0</v>
          </cell>
          <cell r="C142">
            <v>0</v>
          </cell>
        </row>
        <row r="143">
          <cell r="B143">
            <v>0</v>
          </cell>
          <cell r="C143">
            <v>0</v>
          </cell>
          <cell r="D143">
            <v>0</v>
          </cell>
        </row>
        <row r="144">
          <cell r="A144">
            <v>-0.5</v>
          </cell>
          <cell r="B144">
            <v>0</v>
          </cell>
          <cell r="C144">
            <v>0</v>
          </cell>
        </row>
        <row r="145">
          <cell r="B145">
            <v>0</v>
          </cell>
          <cell r="C145">
            <v>0</v>
          </cell>
          <cell r="D145">
            <v>0</v>
          </cell>
        </row>
        <row r="146">
          <cell r="A146">
            <v>-0.5</v>
          </cell>
          <cell r="B146">
            <v>0</v>
          </cell>
          <cell r="C146">
            <v>0</v>
          </cell>
        </row>
        <row r="147">
          <cell r="B147">
            <v>0</v>
          </cell>
          <cell r="C147">
            <v>0</v>
          </cell>
          <cell r="D147">
            <v>0</v>
          </cell>
        </row>
        <row r="148">
          <cell r="A148">
            <v>-0.5</v>
          </cell>
          <cell r="B148">
            <v>0</v>
          </cell>
          <cell r="C148">
            <v>0</v>
          </cell>
        </row>
        <row r="149">
          <cell r="B149">
            <v>0</v>
          </cell>
          <cell r="C149">
            <v>0</v>
          </cell>
          <cell r="D149">
            <v>0</v>
          </cell>
        </row>
        <row r="150">
          <cell r="A150">
            <v>-0.5</v>
          </cell>
          <cell r="B150">
            <v>0</v>
          </cell>
          <cell r="C150">
            <v>0</v>
          </cell>
        </row>
        <row r="151">
          <cell r="B151">
            <v>0</v>
          </cell>
          <cell r="C151">
            <v>0</v>
          </cell>
          <cell r="D151">
            <v>0</v>
          </cell>
        </row>
      </sheetData>
      <sheetData sheetId="10" refreshError="1"/>
      <sheetData sheetId="11" refreshError="1"/>
      <sheetData sheetId="12" refreshError="1"/>
      <sheetData sheetId="13" refreshError="1"/>
      <sheetData sheetId="14" refreshError="1"/>
    </sheetDataSet>
  </externalBook>
</externalLink>
</file>

<file path=xl/externalLinks/externalLink10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
      <sheetName val="明細書1"/>
      <sheetName val="明細書2"/>
      <sheetName val="明細書3"/>
      <sheetName val="明細書4"/>
      <sheetName val="明細書5"/>
      <sheetName val="明細書6"/>
      <sheetName val="代価表(1)"/>
      <sheetName val="代価表(2)"/>
      <sheetName val="代価表(3)"/>
      <sheetName val="代価表(4)"/>
      <sheetName val="代価表(5)"/>
      <sheetName val="代価表(6)"/>
      <sheetName val="代価表(7)"/>
      <sheetName val="代価表(8)"/>
      <sheetName val="代価表(9)"/>
      <sheetName val="代価表(10)"/>
      <sheetName val="代価表(11)"/>
      <sheetName val="代価表(12)"/>
      <sheetName val="代価表(13)"/>
      <sheetName val="代価表(14)"/>
      <sheetName val="代価表(15)"/>
      <sheetName val="代価表(16)"/>
      <sheetName val="代価表(17)"/>
      <sheetName val="代価表(18)"/>
      <sheetName val="見積比較表（機器）"/>
      <sheetName val="見積比較表 (材料)"/>
      <sheetName val="諸経費計算"/>
      <sheetName val="輸送費，役務費"/>
      <sheetName val="鋳鉄管"/>
      <sheetName val="人工集計表"/>
      <sheetName val="機器等据付工"/>
      <sheetName val="機器等据付工（撤去）"/>
      <sheetName val="機器等据付重量表"/>
      <sheetName val="機器等据付重量表（撤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row r="7">
          <cell r="C7">
            <v>6</v>
          </cell>
        </row>
        <row r="17">
          <cell r="C17">
            <v>6</v>
          </cell>
        </row>
        <row r="27">
          <cell r="C27">
            <v>6</v>
          </cell>
        </row>
        <row r="37">
          <cell r="C37">
            <v>6</v>
          </cell>
        </row>
        <row r="47">
          <cell r="C47">
            <v>6</v>
          </cell>
        </row>
        <row r="63">
          <cell r="C63">
            <v>6</v>
          </cell>
        </row>
        <row r="73">
          <cell r="C73">
            <v>6</v>
          </cell>
        </row>
        <row r="83">
          <cell r="C83">
            <v>6</v>
          </cell>
        </row>
        <row r="93">
          <cell r="C93">
            <v>4</v>
          </cell>
        </row>
        <row r="103">
          <cell r="C103">
            <v>1</v>
          </cell>
        </row>
        <row r="119">
          <cell r="C119">
            <v>6</v>
          </cell>
        </row>
        <row r="139">
          <cell r="C139">
            <v>2</v>
          </cell>
        </row>
        <row r="149">
          <cell r="C149">
            <v>1</v>
          </cell>
        </row>
      </sheetData>
      <sheetData sheetId="34"/>
    </sheetDataSet>
  </externalBook>
</externalLink>
</file>

<file path=xl/externalLinks/externalLink10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
      <sheetName val="明細書1"/>
      <sheetName val="明細書2"/>
      <sheetName val="明細書3"/>
      <sheetName val="明細書4"/>
      <sheetName val="明細書5"/>
      <sheetName val="明細書6"/>
      <sheetName val="代価表(1)"/>
      <sheetName val="代価表(2)"/>
      <sheetName val="代価表(3)"/>
      <sheetName val="代価表(4)"/>
      <sheetName val="代価表(5)"/>
      <sheetName val="代価表(6)"/>
      <sheetName val="代価表(7)"/>
      <sheetName val="代価表(8)"/>
      <sheetName val="代価表(9)"/>
      <sheetName val="代価表(10)"/>
      <sheetName val="代価表(11)"/>
      <sheetName val="代価表(12)"/>
      <sheetName val="代価表(13)"/>
      <sheetName val="代価表(14)"/>
      <sheetName val="代価表(15)"/>
      <sheetName val="代価表(16)"/>
      <sheetName val="代価表(17)"/>
      <sheetName val="代価表(18)"/>
      <sheetName val="見積比較表（機器）"/>
      <sheetName val="見積比較表 (材料)"/>
      <sheetName val="諸経費計算"/>
      <sheetName val="輸送費，役務費"/>
      <sheetName val="鋳鉄管"/>
      <sheetName val="人工集計表"/>
      <sheetName val="機器等据付工"/>
      <sheetName val="機器等据付工（撤去）"/>
      <sheetName val="機器等据付重量表"/>
      <sheetName val="機器等据付重量表（撤去）"/>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row r="7">
          <cell r="C7">
            <v>6</v>
          </cell>
        </row>
        <row r="17">
          <cell r="C17">
            <v>6</v>
          </cell>
        </row>
        <row r="27">
          <cell r="C27">
            <v>6</v>
          </cell>
        </row>
        <row r="37">
          <cell r="C37">
            <v>6</v>
          </cell>
        </row>
        <row r="47">
          <cell r="C47">
            <v>6</v>
          </cell>
        </row>
        <row r="63">
          <cell r="C63">
            <v>6</v>
          </cell>
        </row>
        <row r="73">
          <cell r="C73">
            <v>6</v>
          </cell>
        </row>
        <row r="83">
          <cell r="C83">
            <v>6</v>
          </cell>
        </row>
        <row r="93">
          <cell r="C93">
            <v>4</v>
          </cell>
        </row>
        <row r="103">
          <cell r="C103">
            <v>1</v>
          </cell>
        </row>
        <row r="119">
          <cell r="C119">
            <v>6</v>
          </cell>
        </row>
        <row r="139">
          <cell r="C139">
            <v>2</v>
          </cell>
        </row>
        <row r="149">
          <cell r="C149">
            <v>1</v>
          </cell>
        </row>
      </sheetData>
      <sheetData sheetId="34"/>
    </sheetDataSet>
  </externalBook>
</externalLink>
</file>

<file path=xl/externalLinks/externalLink10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入力"/>
      <sheetName val="小項目"/>
      <sheetName val="拾出・集計表"/>
    </sheetNames>
    <sheetDataSet>
      <sheetData sheetId="0"/>
      <sheetData sheetId="1"/>
      <sheetData sheetId="2" refreshError="1"/>
    </sheetDataSet>
  </externalBook>
</externalLink>
</file>

<file path=xl/externalLinks/externalLink10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ヘッダ"/>
      <sheetName val="工事概要"/>
      <sheetName val="件名データ"/>
      <sheetName val="要求調書"/>
      <sheetName val="工事概要書"/>
      <sheetName val="予算内訳書"/>
      <sheetName val="施工図"/>
      <sheetName val="その他全体計画等"/>
      <sheetName val="資金計画"/>
      <sheetName val="予算支出区分"/>
      <sheetName val="Code"/>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10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コード"/>
      <sheetName val="代価総括表"/>
      <sheetName val="52"/>
      <sheetName val="53"/>
      <sheetName val="53.5"/>
      <sheetName val="54"/>
      <sheetName val="55"/>
      <sheetName val="56"/>
      <sheetName val="57"/>
      <sheetName val="58"/>
      <sheetName val="58.1"/>
      <sheetName val="58.2"/>
      <sheetName val="59"/>
      <sheetName val="61"/>
      <sheetName val="62"/>
      <sheetName val="63"/>
      <sheetName val="65"/>
      <sheetName val="66"/>
      <sheetName val="67"/>
      <sheetName val="68"/>
      <sheetName val="69"/>
      <sheetName val="71"/>
      <sheetName val="72"/>
      <sheetName val="81"/>
      <sheetName val="82"/>
      <sheetName val="83"/>
      <sheetName val="84"/>
      <sheetName val="85"/>
      <sheetName val="86"/>
      <sheetName val="87"/>
      <sheetName val="88"/>
      <sheetName val="89"/>
      <sheetName val="90"/>
      <sheetName val="91"/>
      <sheetName val="92"/>
      <sheetName val="93"/>
      <sheetName val="94"/>
      <sheetName val="95"/>
      <sheetName val="96"/>
      <sheetName val="102"/>
      <sheetName val="111"/>
      <sheetName val="112"/>
      <sheetName val="112.1"/>
      <sheetName val="112.2"/>
      <sheetName val="113"/>
      <sheetName val="121"/>
      <sheetName val="122"/>
      <sheetName val="123"/>
      <sheetName val="124"/>
      <sheetName val="136"/>
      <sheetName val="137"/>
      <sheetName val="151"/>
      <sheetName val="152"/>
      <sheetName val="160"/>
      <sheetName val="161"/>
      <sheetName val="162"/>
      <sheetName val="163"/>
      <sheetName val="164"/>
      <sheetName val="165"/>
      <sheetName val="171"/>
      <sheetName val="172"/>
      <sheetName val="176"/>
      <sheetName val="177"/>
      <sheetName val="178"/>
      <sheetName val="179"/>
      <sheetName val="180"/>
      <sheetName val="181"/>
      <sheetName val="182"/>
      <sheetName val="単価コード表"/>
      <sheetName val="←ここまで"/>
      <sheetName val="-64"/>
      <sheetName val="-70"/>
      <sheetName val="-125"/>
      <sheetName val="-131"/>
      <sheetName val="-132"/>
      <sheetName val="-133"/>
      <sheetName val="-134"/>
      <sheetName val="-135"/>
      <sheetName val="-138"/>
      <sheetName val="-139"/>
      <sheetName val="-155"/>
      <sheetName val="-156"/>
      <sheetName val="-157"/>
      <sheetName val="-158"/>
      <sheetName val="-159"/>
      <sheetName val="-176.5"/>
    </sheetNames>
    <sheetDataSet>
      <sheetData sheetId="0">
        <row r="2">
          <cell r="C2" t="str">
            <v>単価ｺｰﾄﾞ</v>
          </cell>
          <cell r="D2" t="str">
            <v>名称・規格</v>
          </cell>
          <cell r="E2" t="str">
            <v>単　価</v>
          </cell>
        </row>
        <row r="3">
          <cell r="B3">
            <v>1</v>
          </cell>
          <cell r="C3" t="str">
            <v>RR0101</v>
          </cell>
          <cell r="D3" t="str">
            <v>特殊作業員</v>
          </cell>
          <cell r="E3">
            <v>16500</v>
          </cell>
        </row>
        <row r="4">
          <cell r="B4">
            <v>2</v>
          </cell>
          <cell r="C4" t="str">
            <v>RR0102</v>
          </cell>
          <cell r="D4" t="str">
            <v>普通作業員</v>
          </cell>
          <cell r="E4">
            <v>13600</v>
          </cell>
        </row>
        <row r="5">
          <cell r="B5">
            <v>3</v>
          </cell>
          <cell r="C5" t="str">
            <v>RR0103</v>
          </cell>
          <cell r="D5" t="str">
            <v>軽作業員</v>
          </cell>
          <cell r="E5">
            <v>12100</v>
          </cell>
        </row>
        <row r="6">
          <cell r="B6">
            <v>4</v>
          </cell>
          <cell r="C6" t="str">
            <v>RR0104</v>
          </cell>
          <cell r="D6" t="str">
            <v>造園工</v>
          </cell>
          <cell r="E6">
            <v>16100</v>
          </cell>
        </row>
        <row r="7">
          <cell r="B7">
            <v>5</v>
          </cell>
          <cell r="C7" t="str">
            <v>RR0106</v>
          </cell>
          <cell r="D7" t="str">
            <v>とび工</v>
          </cell>
          <cell r="E7">
            <v>16300</v>
          </cell>
        </row>
        <row r="8">
          <cell r="B8">
            <v>6</v>
          </cell>
          <cell r="C8" t="str">
            <v>RR0110</v>
          </cell>
          <cell r="D8" t="str">
            <v>鉄筋工</v>
          </cell>
          <cell r="E8">
            <v>17100</v>
          </cell>
        </row>
        <row r="9">
          <cell r="B9">
            <v>7</v>
          </cell>
          <cell r="C9" t="str">
            <v>RR0113</v>
          </cell>
          <cell r="D9" t="str">
            <v>溶接工</v>
          </cell>
          <cell r="E9">
            <v>15300</v>
          </cell>
        </row>
        <row r="10">
          <cell r="B10">
            <v>8</v>
          </cell>
          <cell r="C10" t="str">
            <v>RR0114</v>
          </cell>
          <cell r="D10" t="str">
            <v>運転手（特殊）</v>
          </cell>
          <cell r="E10">
            <v>16400</v>
          </cell>
        </row>
        <row r="11">
          <cell r="B11">
            <v>9</v>
          </cell>
          <cell r="C11" t="str">
            <v>RR0115</v>
          </cell>
          <cell r="D11" t="str">
            <v>運転手（一般）</v>
          </cell>
          <cell r="E11">
            <v>14400</v>
          </cell>
        </row>
        <row r="12">
          <cell r="B12">
            <v>10</v>
          </cell>
          <cell r="C12" t="str">
            <v>RR0119</v>
          </cell>
          <cell r="D12" t="str">
            <v>トンネル特殊工</v>
          </cell>
          <cell r="E12">
            <v>0</v>
          </cell>
        </row>
        <row r="13">
          <cell r="B13">
            <v>11</v>
          </cell>
          <cell r="C13" t="str">
            <v>RR0120</v>
          </cell>
          <cell r="D13" t="str">
            <v>トンネル作業員</v>
          </cell>
          <cell r="E13">
            <v>0</v>
          </cell>
        </row>
        <row r="14">
          <cell r="B14">
            <v>12</v>
          </cell>
          <cell r="C14" t="str">
            <v>RR0121</v>
          </cell>
          <cell r="D14" t="str">
            <v>トンネル世話役</v>
          </cell>
          <cell r="E14">
            <v>0</v>
          </cell>
        </row>
        <row r="15">
          <cell r="B15">
            <v>13</v>
          </cell>
          <cell r="C15" t="str">
            <v>RR0125</v>
          </cell>
          <cell r="D15" t="str">
            <v>土木一般世話役</v>
          </cell>
          <cell r="E15">
            <v>18000</v>
          </cell>
        </row>
        <row r="16">
          <cell r="B16">
            <v>14</v>
          </cell>
          <cell r="C16" t="str">
            <v>RR0133</v>
          </cell>
          <cell r="D16" t="str">
            <v>型枠工</v>
          </cell>
          <cell r="E16">
            <v>16200</v>
          </cell>
        </row>
        <row r="17">
          <cell r="B17">
            <v>15</v>
          </cell>
          <cell r="C17" t="str">
            <v>RR0134</v>
          </cell>
          <cell r="D17" t="str">
            <v>大　工</v>
          </cell>
          <cell r="E17">
            <v>16500</v>
          </cell>
        </row>
        <row r="18">
          <cell r="B18">
            <v>16</v>
          </cell>
          <cell r="C18" t="str">
            <v>RR0135</v>
          </cell>
          <cell r="D18" t="str">
            <v>左　官</v>
          </cell>
          <cell r="E18">
            <v>16200</v>
          </cell>
        </row>
        <row r="19">
          <cell r="B19">
            <v>17</v>
          </cell>
          <cell r="C19" t="str">
            <v>RR0136</v>
          </cell>
          <cell r="D19" t="str">
            <v>配管工</v>
          </cell>
          <cell r="E19">
            <v>16200</v>
          </cell>
        </row>
        <row r="20">
          <cell r="B20">
            <v>18</v>
          </cell>
          <cell r="C20" t="str">
            <v>RR0137</v>
          </cell>
          <cell r="D20" t="str">
            <v>はつり工</v>
          </cell>
          <cell r="E20">
            <v>15200</v>
          </cell>
        </row>
        <row r="21">
          <cell r="B21">
            <v>19</v>
          </cell>
          <cell r="C21" t="str">
            <v>RR0138</v>
          </cell>
          <cell r="D21" t="str">
            <v>防水工</v>
          </cell>
          <cell r="E21">
            <v>16500</v>
          </cell>
        </row>
        <row r="22">
          <cell r="B22">
            <v>20</v>
          </cell>
          <cell r="C22" t="str">
            <v>RR0201</v>
          </cell>
          <cell r="D22" t="str">
            <v>電　工</v>
          </cell>
          <cell r="E22">
            <v>16400</v>
          </cell>
        </row>
        <row r="23">
          <cell r="B23">
            <v>21</v>
          </cell>
          <cell r="C23" t="str">
            <v>RR0164</v>
          </cell>
          <cell r="D23" t="str">
            <v>機械工</v>
          </cell>
          <cell r="E23">
            <v>17400</v>
          </cell>
        </row>
        <row r="24">
          <cell r="B24">
            <v>22</v>
          </cell>
          <cell r="C24" t="str">
            <v>RR0108</v>
          </cell>
          <cell r="D24" t="str">
            <v>ブロック工</v>
          </cell>
          <cell r="E24">
            <v>19800</v>
          </cell>
        </row>
        <row r="25">
          <cell r="B25">
            <v>23</v>
          </cell>
          <cell r="C25" t="str">
            <v>RR0112</v>
          </cell>
          <cell r="D25" t="str">
            <v>塗装工</v>
          </cell>
          <cell r="E25">
            <v>16500</v>
          </cell>
        </row>
        <row r="26">
          <cell r="B26">
            <v>24</v>
          </cell>
          <cell r="C26" t="str">
            <v>RR0107</v>
          </cell>
          <cell r="D26" t="str">
            <v>石　工</v>
          </cell>
          <cell r="E26">
            <v>19000</v>
          </cell>
        </row>
        <row r="27">
          <cell r="B27">
            <v>25</v>
          </cell>
        </row>
        <row r="28">
          <cell r="B28">
            <v>26</v>
          </cell>
        </row>
        <row r="29">
          <cell r="B29">
            <v>27</v>
          </cell>
        </row>
        <row r="30">
          <cell r="B30">
            <v>28</v>
          </cell>
        </row>
        <row r="31">
          <cell r="B31">
            <v>29</v>
          </cell>
        </row>
        <row r="32">
          <cell r="B32">
            <v>30</v>
          </cell>
        </row>
        <row r="33">
          <cell r="B33">
            <v>31</v>
          </cell>
        </row>
        <row r="34">
          <cell r="B34">
            <v>32</v>
          </cell>
        </row>
        <row r="35">
          <cell r="B35">
            <v>33</v>
          </cell>
        </row>
        <row r="36">
          <cell r="B36">
            <v>34</v>
          </cell>
        </row>
        <row r="37">
          <cell r="B37">
            <v>35</v>
          </cell>
        </row>
        <row r="38">
          <cell r="B38">
            <v>36</v>
          </cell>
        </row>
        <row r="39">
          <cell r="B39">
            <v>37</v>
          </cell>
        </row>
        <row r="40">
          <cell r="B40">
            <v>38</v>
          </cell>
        </row>
        <row r="41">
          <cell r="B41">
            <v>39</v>
          </cell>
        </row>
        <row r="42">
          <cell r="B42">
            <v>40</v>
          </cell>
        </row>
        <row r="43">
          <cell r="B43">
            <v>41</v>
          </cell>
        </row>
        <row r="44">
          <cell r="B44">
            <v>42</v>
          </cell>
        </row>
        <row r="45">
          <cell r="B45">
            <v>43</v>
          </cell>
        </row>
        <row r="46">
          <cell r="B46">
            <v>44</v>
          </cell>
        </row>
        <row r="47">
          <cell r="B47">
            <v>45</v>
          </cell>
        </row>
        <row r="48">
          <cell r="B48">
            <v>46</v>
          </cell>
        </row>
        <row r="49">
          <cell r="B49">
            <v>47</v>
          </cell>
        </row>
        <row r="50">
          <cell r="B50">
            <v>48</v>
          </cell>
        </row>
        <row r="51">
          <cell r="B51">
            <v>49</v>
          </cell>
        </row>
        <row r="52">
          <cell r="B52">
            <v>50</v>
          </cell>
        </row>
        <row r="53">
          <cell r="B53">
            <v>51</v>
          </cell>
        </row>
        <row r="54">
          <cell r="B54">
            <v>52</v>
          </cell>
        </row>
        <row r="55">
          <cell r="B55">
            <v>53</v>
          </cell>
        </row>
        <row r="56">
          <cell r="B56">
            <v>54</v>
          </cell>
        </row>
        <row r="57">
          <cell r="B57">
            <v>55</v>
          </cell>
        </row>
        <row r="58">
          <cell r="B58">
            <v>56</v>
          </cell>
        </row>
        <row r="59">
          <cell r="B59">
            <v>57</v>
          </cell>
        </row>
        <row r="60">
          <cell r="B60">
            <v>58</v>
          </cell>
        </row>
        <row r="61">
          <cell r="B61">
            <v>59</v>
          </cell>
        </row>
        <row r="62">
          <cell r="B62">
            <v>60</v>
          </cell>
        </row>
      </sheetData>
      <sheetData sheetId="1" refreshError="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refreshError="1"/>
      <sheetData sheetId="69" refreshError="1"/>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
      <sheetName val="諸経費計算表"/>
      <sheetName val="Sheet1"/>
      <sheetName val="設計書（鏡）"/>
      <sheetName val="#REF"/>
    </sheetNames>
    <sheetDataSet>
      <sheetData sheetId="0"/>
      <sheetData sheetId="1" refreshError="1">
        <row r="2">
          <cell r="A2" t="str">
            <v>/PPR\1~OEOLQQAGR\2~OEOPQQAGQ</v>
          </cell>
        </row>
        <row r="3">
          <cell r="S3" t="str">
            <v>　　　内</v>
          </cell>
          <cell r="T3" t="str">
            <v>　　　　　訳</v>
          </cell>
          <cell r="W3" t="str">
            <v>二次製品</v>
          </cell>
          <cell r="X3" t="str">
            <v>金　　額</v>
          </cell>
        </row>
        <row r="4">
          <cell r="R4">
            <v>1</v>
          </cell>
          <cell r="S4" t="str">
            <v>機械設備</v>
          </cell>
          <cell r="U4" t="str">
            <v>式</v>
          </cell>
          <cell r="V4">
            <v>1</v>
          </cell>
          <cell r="W4">
            <v>229452588</v>
          </cell>
          <cell r="X4">
            <v>246584546</v>
          </cell>
          <cell r="AA4" t="str">
            <v>　</v>
          </cell>
        </row>
        <row r="5">
          <cell r="R5">
            <v>2</v>
          </cell>
          <cell r="S5" t="str">
            <v>電気計装設備</v>
          </cell>
          <cell r="U5" t="str">
            <v>式</v>
          </cell>
          <cell r="V5">
            <v>1</v>
          </cell>
          <cell r="W5">
            <v>521346945</v>
          </cell>
          <cell r="X5">
            <v>576046837</v>
          </cell>
          <cell r="AA5" t="str">
            <v>　</v>
          </cell>
        </row>
        <row r="6">
          <cell r="R6">
            <v>3</v>
          </cell>
          <cell r="S6" t="str">
            <v>土木・建築</v>
          </cell>
          <cell r="U6" t="str">
            <v>式</v>
          </cell>
          <cell r="V6">
            <v>1</v>
          </cell>
          <cell r="W6">
            <v>440974261</v>
          </cell>
          <cell r="X6">
            <v>1260700552</v>
          </cell>
        </row>
        <row r="7">
          <cell r="R7">
            <v>4</v>
          </cell>
          <cell r="Y7" t="str">
            <v>直　工　比　率</v>
          </cell>
        </row>
        <row r="8">
          <cell r="A8" t="str">
            <v>諸経費の算出</v>
          </cell>
          <cell r="C8" t="str">
            <v>　</v>
          </cell>
          <cell r="R8">
            <v>5</v>
          </cell>
          <cell r="Y8" t="str">
            <v>機械</v>
          </cell>
          <cell r="Z8" t="str">
            <v>電気</v>
          </cell>
          <cell r="AA8" t="str">
            <v>土木</v>
          </cell>
        </row>
        <row r="9">
          <cell r="A9" t="str">
            <v>直接工事費</v>
          </cell>
          <cell r="D9">
            <v>2083331935</v>
          </cell>
          <cell r="R9">
            <v>6</v>
          </cell>
          <cell r="Y9">
            <v>0.12</v>
          </cell>
          <cell r="Z9">
            <v>0.28000000000000003</v>
          </cell>
          <cell r="AA9">
            <v>0.61</v>
          </cell>
        </row>
        <row r="10">
          <cell r="C10" t="str">
            <v>二次製品</v>
          </cell>
          <cell r="D10">
            <v>1191773794</v>
          </cell>
          <cell r="E10" t="str">
            <v xml:space="preserve">  支給品</v>
          </cell>
          <cell r="F10">
            <v>0</v>
          </cell>
          <cell r="R10">
            <v>7</v>
          </cell>
        </row>
        <row r="11">
          <cell r="A11" t="str">
            <v>仮設費</v>
          </cell>
          <cell r="B11" t="str">
            <v>積上げ</v>
          </cell>
          <cell r="D11">
            <v>0</v>
          </cell>
          <cell r="R11">
            <v>8</v>
          </cell>
        </row>
        <row r="12">
          <cell r="A12" t="str">
            <v>共通仮設費対象額計</v>
          </cell>
          <cell r="D12">
            <v>2083331935</v>
          </cell>
          <cell r="R12">
            <v>9</v>
          </cell>
        </row>
        <row r="13">
          <cell r="A13" t="str">
            <v>共通仮設費積上げ分</v>
          </cell>
          <cell r="R13">
            <v>10</v>
          </cell>
          <cell r="S13" t="str">
            <v>　</v>
          </cell>
          <cell r="U13" t="str">
            <v>　</v>
          </cell>
        </row>
        <row r="14">
          <cell r="B14" t="str">
            <v>運搬費</v>
          </cell>
          <cell r="D14">
            <v>0</v>
          </cell>
          <cell r="E14" t="str">
            <v>　</v>
          </cell>
          <cell r="S14" t="str">
            <v>　</v>
          </cell>
          <cell r="U14" t="str">
            <v>　</v>
          </cell>
          <cell r="V14" t="str">
            <v>　</v>
          </cell>
          <cell r="X14" t="str">
            <v>　</v>
          </cell>
        </row>
        <row r="15">
          <cell r="B15" t="str">
            <v>安全費</v>
          </cell>
          <cell r="D15">
            <v>0</v>
          </cell>
          <cell r="S15" t="str">
            <v>　</v>
          </cell>
          <cell r="Y15" t="str">
            <v>経　費　分　配</v>
          </cell>
        </row>
        <row r="16">
          <cell r="B16" t="str">
            <v>役務費</v>
          </cell>
          <cell r="D16">
            <v>0</v>
          </cell>
          <cell r="Y16" t="str">
            <v>機械</v>
          </cell>
          <cell r="Z16" t="str">
            <v>電気</v>
          </cell>
          <cell r="AA16" t="str">
            <v>土木</v>
          </cell>
        </row>
        <row r="17">
          <cell r="B17" t="str">
            <v>環境対策費</v>
          </cell>
          <cell r="D17">
            <v>0</v>
          </cell>
          <cell r="S17" t="str">
            <v>直接工事費計</v>
          </cell>
          <cell r="V17" t="str">
            <v>　</v>
          </cell>
          <cell r="W17">
            <v>1191773794</v>
          </cell>
          <cell r="X17">
            <v>2083331935</v>
          </cell>
        </row>
        <row r="18">
          <cell r="A18" t="str">
            <v>工事区分</v>
          </cell>
          <cell r="B18">
            <v>1</v>
          </cell>
          <cell r="D18" t="str">
            <v>開削工事等</v>
          </cell>
          <cell r="T18" t="str">
            <v>運搬費</v>
          </cell>
          <cell r="U18" t="str">
            <v>式</v>
          </cell>
          <cell r="V18">
            <v>1</v>
          </cell>
          <cell r="X18">
            <v>18333321</v>
          </cell>
          <cell r="Y18">
            <v>2199998</v>
          </cell>
          <cell r="Z18">
            <v>5133329</v>
          </cell>
          <cell r="AA18">
            <v>11183325</v>
          </cell>
        </row>
        <row r="19">
          <cell r="B19" t="str">
            <v xml:space="preserve"> </v>
          </cell>
          <cell r="D19" t="str">
            <v xml:space="preserve"> </v>
          </cell>
          <cell r="T19" t="str">
            <v>準備費</v>
          </cell>
          <cell r="U19" t="str">
            <v>〃</v>
          </cell>
          <cell r="V19">
            <v>1</v>
          </cell>
          <cell r="X19">
            <v>7436000</v>
          </cell>
          <cell r="Y19">
            <v>892320</v>
          </cell>
          <cell r="Z19">
            <v>2082080</v>
          </cell>
          <cell r="AA19">
            <v>4535960</v>
          </cell>
        </row>
        <row r="20">
          <cell r="T20" t="str">
            <v>仮設費</v>
          </cell>
          <cell r="U20" t="str">
            <v>〃</v>
          </cell>
          <cell r="V20">
            <v>1</v>
          </cell>
          <cell r="X20">
            <v>0</v>
          </cell>
          <cell r="Y20">
            <v>0</v>
          </cell>
          <cell r="Z20">
            <v>0</v>
          </cell>
          <cell r="AA20">
            <v>0</v>
          </cell>
        </row>
        <row r="21">
          <cell r="A21" t="str">
            <v>共通仮設費</v>
          </cell>
          <cell r="T21" t="str">
            <v>役務費</v>
          </cell>
          <cell r="U21" t="str">
            <v>〃</v>
          </cell>
          <cell r="V21">
            <v>1</v>
          </cell>
          <cell r="X21">
            <v>0</v>
          </cell>
          <cell r="Y21">
            <v>0</v>
          </cell>
          <cell r="Z21">
            <v>0</v>
          </cell>
          <cell r="AA21">
            <v>0</v>
          </cell>
        </row>
        <row r="22">
          <cell r="A22" t="str">
            <v>運搬費</v>
          </cell>
          <cell r="B22" t="str">
            <v>対象額＝直接工事費＝</v>
          </cell>
          <cell r="D22">
            <v>2083331935</v>
          </cell>
          <cell r="T22" t="str">
            <v>技術管理費</v>
          </cell>
          <cell r="U22" t="str">
            <v>〃</v>
          </cell>
          <cell r="V22">
            <v>1</v>
          </cell>
          <cell r="X22">
            <v>1000000</v>
          </cell>
          <cell r="Y22">
            <v>120000</v>
          </cell>
          <cell r="Z22">
            <v>280000</v>
          </cell>
          <cell r="AA22">
            <v>610000</v>
          </cell>
        </row>
        <row r="23">
          <cell r="B23" t="str">
            <v>積上げ</v>
          </cell>
          <cell r="E23">
            <v>0</v>
          </cell>
          <cell r="T23" t="str">
            <v>営繕損料</v>
          </cell>
          <cell r="U23" t="str">
            <v>〃</v>
          </cell>
          <cell r="V23">
            <v>1</v>
          </cell>
          <cell r="X23">
            <v>21101012</v>
          </cell>
          <cell r="Y23">
            <v>2532121</v>
          </cell>
          <cell r="Z23">
            <v>5908283</v>
          </cell>
          <cell r="AA23">
            <v>12871617</v>
          </cell>
        </row>
        <row r="24">
          <cell r="A24" t="str">
            <v xml:space="preserve">   運搬費率</v>
          </cell>
          <cell r="B24">
            <v>2083331935</v>
          </cell>
          <cell r="C24" t="str">
            <v>^-0.1828×44.5=</v>
          </cell>
          <cell r="E24">
            <v>0.88</v>
          </cell>
          <cell r="F24" t="str">
            <v>%</v>
          </cell>
          <cell r="T24" t="str">
            <v>安全費</v>
          </cell>
          <cell r="U24" t="str">
            <v>〃</v>
          </cell>
          <cell r="V24">
            <v>1</v>
          </cell>
          <cell r="X24">
            <v>4431212</v>
          </cell>
          <cell r="Y24">
            <v>531745</v>
          </cell>
          <cell r="Z24">
            <v>1240739</v>
          </cell>
          <cell r="AA24">
            <v>2703039</v>
          </cell>
        </row>
        <row r="25">
          <cell r="B25">
            <v>2083331935</v>
          </cell>
          <cell r="C25" t="str">
            <v>× 0.88%=</v>
          </cell>
          <cell r="E25">
            <v>18333321</v>
          </cell>
          <cell r="T25" t="str">
            <v>労務者輸送費</v>
          </cell>
          <cell r="U25" t="str">
            <v>〃</v>
          </cell>
          <cell r="V25">
            <v>1</v>
          </cell>
          <cell r="X25">
            <v>800000</v>
          </cell>
          <cell r="Y25">
            <v>96000</v>
          </cell>
          <cell r="Z25">
            <v>224000</v>
          </cell>
          <cell r="AA25">
            <v>488000</v>
          </cell>
        </row>
        <row r="26">
          <cell r="D26" t="str">
            <v>計</v>
          </cell>
          <cell r="E26">
            <v>18333321</v>
          </cell>
          <cell r="T26" t="str">
            <v>環境対策費</v>
          </cell>
          <cell r="U26" t="str">
            <v>〃</v>
          </cell>
          <cell r="V26">
            <v>1</v>
          </cell>
          <cell r="X26">
            <v>0</v>
          </cell>
          <cell r="Y26">
            <v>0</v>
          </cell>
          <cell r="Z26">
            <v>0</v>
          </cell>
          <cell r="AA26">
            <v>0</v>
          </cell>
        </row>
        <row r="27">
          <cell r="A27" t="str">
            <v>準備費</v>
          </cell>
          <cell r="B27" t="str">
            <v>対象額＝直接工事費＝</v>
          </cell>
          <cell r="D27">
            <v>2083331</v>
          </cell>
          <cell r="E27" t="str">
            <v>千円</v>
          </cell>
          <cell r="S27" t="str">
            <v>共通仮設費計</v>
          </cell>
          <cell r="X27">
            <v>53101545</v>
          </cell>
          <cell r="Y27">
            <v>6372184</v>
          </cell>
          <cell r="Z27">
            <v>14868431</v>
          </cell>
          <cell r="AA27">
            <v>32391941</v>
          </cell>
        </row>
        <row r="28">
          <cell r="B28">
            <v>2083331</v>
          </cell>
          <cell r="C28" t="str">
            <v>×0.0035＋145=</v>
          </cell>
          <cell r="E28">
            <v>7436000</v>
          </cell>
          <cell r="V28" t="str">
            <v>　</v>
          </cell>
          <cell r="X28" t="str">
            <v>　</v>
          </cell>
          <cell r="Y28">
            <v>0</v>
          </cell>
          <cell r="Z28">
            <v>0</v>
          </cell>
          <cell r="AA28">
            <v>0</v>
          </cell>
        </row>
        <row r="29">
          <cell r="A29" t="str">
            <v>仮設費</v>
          </cell>
          <cell r="B29" t="str">
            <v>積上げ</v>
          </cell>
          <cell r="E29">
            <v>0</v>
          </cell>
          <cell r="S29" t="str">
            <v>純工事費</v>
          </cell>
          <cell r="X29">
            <v>2136433480</v>
          </cell>
        </row>
        <row r="30">
          <cell r="A30" t="str">
            <v>役務費</v>
          </cell>
          <cell r="B30" t="str">
            <v>積上げ</v>
          </cell>
          <cell r="E30">
            <v>0</v>
          </cell>
          <cell r="T30" t="str">
            <v>現場管理費</v>
          </cell>
          <cell r="U30" t="str">
            <v>式</v>
          </cell>
          <cell r="V30">
            <v>1</v>
          </cell>
          <cell r="X30">
            <v>115540993</v>
          </cell>
          <cell r="Y30">
            <v>13864919</v>
          </cell>
          <cell r="Z30">
            <v>32351478</v>
          </cell>
          <cell r="AA30">
            <v>70480005</v>
          </cell>
        </row>
        <row r="31">
          <cell r="A31" t="str">
            <v>技術管理費</v>
          </cell>
          <cell r="B31" t="str">
            <v>対象額＝直接工事費＝</v>
          </cell>
          <cell r="D31">
            <v>2083331935</v>
          </cell>
          <cell r="S31" t="str">
            <v>工事原価</v>
          </cell>
          <cell r="X31">
            <v>2251974473</v>
          </cell>
        </row>
        <row r="32">
          <cell r="B32" t="str">
            <v>率計算</v>
          </cell>
          <cell r="C32" t="str">
            <v/>
          </cell>
          <cell r="D32" t="str">
            <v/>
          </cell>
          <cell r="E32">
            <v>1000000</v>
          </cell>
          <cell r="T32" t="str">
            <v>一般管理費</v>
          </cell>
          <cell r="U32" t="str">
            <v>式</v>
          </cell>
          <cell r="V32">
            <v>1</v>
          </cell>
          <cell r="X32">
            <v>258976527</v>
          </cell>
          <cell r="Y32">
            <v>31077183</v>
          </cell>
          <cell r="Z32">
            <v>72513427</v>
          </cell>
          <cell r="AA32">
            <v>157975681</v>
          </cell>
        </row>
        <row r="33">
          <cell r="D33" t="str">
            <v>対象金額計</v>
          </cell>
          <cell r="E33">
            <v>2110101256</v>
          </cell>
          <cell r="S33" t="str">
            <v>　</v>
          </cell>
          <cell r="Y33">
            <v>0</v>
          </cell>
          <cell r="Z33">
            <v>0</v>
          </cell>
          <cell r="AA33">
            <v>0</v>
          </cell>
        </row>
        <row r="34">
          <cell r="A34" t="str">
            <v>営繕損料</v>
          </cell>
          <cell r="B34" t="str">
            <v>率計算</v>
          </cell>
          <cell r="C34">
            <v>2110101256</v>
          </cell>
          <cell r="D34" t="str">
            <v>× 0.010=</v>
          </cell>
          <cell r="E34">
            <v>21101012</v>
          </cell>
          <cell r="F34" t="str">
            <v>採用値</v>
          </cell>
          <cell r="S34" t="str">
            <v>工事価格</v>
          </cell>
          <cell r="V34">
            <v>1</v>
          </cell>
          <cell r="X34">
            <v>2510951000</v>
          </cell>
        </row>
        <row r="35">
          <cell r="B35" t="str">
            <v xml:space="preserve">      限度額</v>
          </cell>
          <cell r="C35">
            <v>30000000</v>
          </cell>
          <cell r="D35" t="str">
            <v>× 0.015=</v>
          </cell>
          <cell r="E35">
            <v>450000</v>
          </cell>
          <cell r="F35" t="str">
            <v/>
          </cell>
          <cell r="Y35">
            <v>0</v>
          </cell>
          <cell r="Z35">
            <v>0</v>
          </cell>
          <cell r="AA35">
            <v>0</v>
          </cell>
        </row>
        <row r="36">
          <cell r="D36" t="str">
            <v>採用金額</v>
          </cell>
          <cell r="E36">
            <v>21101012</v>
          </cell>
          <cell r="S36" t="str">
            <v>消費税相当額</v>
          </cell>
          <cell r="U36" t="str">
            <v>式</v>
          </cell>
          <cell r="X36">
            <v>125547550</v>
          </cell>
        </row>
        <row r="37">
          <cell r="A37" t="str">
            <v>労務者輸送費</v>
          </cell>
          <cell r="B37" t="str">
            <v>率計算</v>
          </cell>
          <cell r="C37">
            <v>100000000</v>
          </cell>
          <cell r="D37" t="str">
            <v>× 0.008=</v>
          </cell>
          <cell r="E37">
            <v>800000</v>
          </cell>
          <cell r="F37" t="str">
            <v/>
          </cell>
        </row>
        <row r="38">
          <cell r="B38" t="str">
            <v xml:space="preserve">      限度額</v>
          </cell>
          <cell r="C38">
            <v>100000000</v>
          </cell>
          <cell r="D38" t="str">
            <v>× 0.008=</v>
          </cell>
          <cell r="E38">
            <v>800000</v>
          </cell>
          <cell r="F38" t="str">
            <v/>
          </cell>
          <cell r="S38" t="str">
            <v>本工事費</v>
          </cell>
          <cell r="X38">
            <v>2636498550</v>
          </cell>
        </row>
        <row r="39">
          <cell r="D39" t="str">
            <v>採用金額</v>
          </cell>
          <cell r="E39">
            <v>800000</v>
          </cell>
        </row>
        <row r="40">
          <cell r="A40" t="str">
            <v>安全費</v>
          </cell>
          <cell r="B40" t="str">
            <v>積上げ</v>
          </cell>
          <cell r="E40">
            <v>0</v>
          </cell>
        </row>
        <row r="41">
          <cell r="B41" t="str">
            <v>率計算</v>
          </cell>
          <cell r="C41">
            <v>2110101256</v>
          </cell>
          <cell r="D41" t="str">
            <v>× 0.0021=</v>
          </cell>
          <cell r="E41">
            <v>4431212</v>
          </cell>
          <cell r="F41" t="str">
            <v>採用値</v>
          </cell>
        </row>
        <row r="42">
          <cell r="B42" t="str">
            <v xml:space="preserve">      限度額</v>
          </cell>
          <cell r="C42">
            <v>500000000</v>
          </cell>
          <cell r="D42" t="str">
            <v>× 0.0021=</v>
          </cell>
          <cell r="E42">
            <v>1050000</v>
          </cell>
          <cell r="F42" t="str">
            <v/>
          </cell>
        </row>
        <row r="43">
          <cell r="D43" t="str">
            <v>採用金額</v>
          </cell>
          <cell r="E43">
            <v>4431212</v>
          </cell>
        </row>
        <row r="44">
          <cell r="A44" t="str">
            <v>環境対策費</v>
          </cell>
          <cell r="B44" t="str">
            <v>積上げ</v>
          </cell>
          <cell r="E44" t="str">
            <v xml:space="preserve"> </v>
          </cell>
        </row>
        <row r="45">
          <cell r="A45" t="str">
            <v xml:space="preserve">   環境対策経費率</v>
          </cell>
          <cell r="B45" t="str">
            <v xml:space="preserve"> </v>
          </cell>
          <cell r="C45" t="str">
            <v xml:space="preserve"> </v>
          </cell>
          <cell r="E45">
            <v>0</v>
          </cell>
          <cell r="F45" t="str">
            <v>%</v>
          </cell>
        </row>
        <row r="46">
          <cell r="B46" t="str">
            <v>　 0.00%</v>
          </cell>
          <cell r="C46" t="str">
            <v>＋ 0.00%=</v>
          </cell>
          <cell r="E46">
            <v>0</v>
          </cell>
          <cell r="F46" t="str">
            <v>%</v>
          </cell>
        </row>
        <row r="47">
          <cell r="B47">
            <v>2083331935</v>
          </cell>
          <cell r="C47" t="str">
            <v>× 0.00%=</v>
          </cell>
          <cell r="E47">
            <v>0</v>
          </cell>
        </row>
        <row r="48">
          <cell r="D48" t="str">
            <v>計</v>
          </cell>
          <cell r="E48">
            <v>0</v>
          </cell>
        </row>
        <row r="49">
          <cell r="A49" t="str">
            <v>共通仮設費計</v>
          </cell>
          <cell r="E49">
            <v>53101545</v>
          </cell>
        </row>
        <row r="50">
          <cell r="A50" t="str">
            <v>純工事費</v>
          </cell>
          <cell r="E50">
            <v>2136433480</v>
          </cell>
        </row>
        <row r="51">
          <cell r="C51" t="str">
            <v>二次製品×1/2</v>
          </cell>
          <cell r="E51">
            <v>-595886897</v>
          </cell>
        </row>
        <row r="52">
          <cell r="D52" t="str">
            <v>対象金額</v>
          </cell>
          <cell r="E52">
            <v>1540546583</v>
          </cell>
        </row>
        <row r="53">
          <cell r="A53" t="str">
            <v>現場管理費</v>
          </cell>
          <cell r="B53" t="str">
            <v>率計算</v>
          </cell>
          <cell r="C53">
            <v>1540546583</v>
          </cell>
          <cell r="D53" t="str">
            <v>× 0.075=</v>
          </cell>
          <cell r="E53">
            <v>115540993</v>
          </cell>
          <cell r="F53" t="str">
            <v>採用値</v>
          </cell>
        </row>
        <row r="54">
          <cell r="B54" t="str">
            <v xml:space="preserve">      限度額</v>
          </cell>
          <cell r="C54">
            <v>100000000</v>
          </cell>
          <cell r="D54" t="str">
            <v>× 0.075=</v>
          </cell>
          <cell r="E54">
            <v>7500000</v>
          </cell>
          <cell r="F54" t="str">
            <v/>
          </cell>
        </row>
        <row r="55">
          <cell r="D55" t="str">
            <v>採用金額</v>
          </cell>
          <cell r="E55">
            <v>115540993</v>
          </cell>
        </row>
        <row r="56">
          <cell r="A56" t="str">
            <v>工事原価</v>
          </cell>
          <cell r="E56">
            <v>2251974473</v>
          </cell>
        </row>
        <row r="57">
          <cell r="A57" t="str">
            <v>一般管理費</v>
          </cell>
          <cell r="B57" t="str">
            <v>率計算</v>
          </cell>
          <cell r="C57">
            <v>2251974473</v>
          </cell>
          <cell r="D57" t="str">
            <v>× 0.115=</v>
          </cell>
          <cell r="E57">
            <v>258977064</v>
          </cell>
          <cell r="F57" t="str">
            <v>採用値</v>
          </cell>
        </row>
        <row r="58">
          <cell r="B58" t="str">
            <v xml:space="preserve">      限度額</v>
          </cell>
          <cell r="C58">
            <v>200000000</v>
          </cell>
          <cell r="D58" t="str">
            <v>× 0.120=</v>
          </cell>
          <cell r="E58">
            <v>24000000</v>
          </cell>
          <cell r="F58" t="str">
            <v/>
          </cell>
        </row>
        <row r="59">
          <cell r="D59" t="str">
            <v>採用金額</v>
          </cell>
          <cell r="E59">
            <v>258977064</v>
          </cell>
        </row>
        <row r="60">
          <cell r="D60" t="str">
            <v>調整金額</v>
          </cell>
          <cell r="E60">
            <v>-537</v>
          </cell>
        </row>
        <row r="61">
          <cell r="D61" t="str">
            <v>計</v>
          </cell>
          <cell r="E61">
            <v>258976527</v>
          </cell>
        </row>
        <row r="62">
          <cell r="A62" t="str">
            <v>工事価格</v>
          </cell>
          <cell r="E62">
            <v>2510951000</v>
          </cell>
        </row>
        <row r="63">
          <cell r="A63" t="str">
            <v>消費税相当額</v>
          </cell>
          <cell r="E63">
            <v>125547550</v>
          </cell>
        </row>
        <row r="64">
          <cell r="A64" t="str">
            <v>本工事費</v>
          </cell>
          <cell r="E64">
            <v>2636498550</v>
          </cell>
        </row>
      </sheetData>
      <sheetData sheetId="2"/>
      <sheetData sheetId="3" refreshError="1"/>
      <sheetData sheetId="4"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
      <sheetName val="ブロック積工"/>
      <sheetName val="車道舗装"/>
      <sheetName val="歩道舗装"/>
      <sheetName val="安全施設"/>
      <sheetName val="区画線"/>
    </sheetNames>
    <sheetDataSet>
      <sheetData sheetId="0"/>
      <sheetData sheetId="1"/>
      <sheetData sheetId="2"/>
      <sheetData sheetId="3"/>
      <sheetData sheetId="4"/>
      <sheetData sheetId="5"/>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Ａ代価 "/>
      <sheetName val="内訳表"/>
      <sheetName val="本工事費内訳表"/>
      <sheetName val="諸経費"/>
      <sheetName val="代価一覧表"/>
    </sheetNames>
    <sheetDataSet>
      <sheetData sheetId="0" refreshError="1">
        <row r="3">
          <cell r="B3" t="str">
            <v>Ａ－１</v>
          </cell>
          <cell r="C3" t="str">
            <v>号 表</v>
          </cell>
          <cell r="E3" t="str">
            <v>場内整備工</v>
          </cell>
          <cell r="H3" t="str">
            <v>１式</v>
          </cell>
          <cell r="I3" t="str">
            <v>当 り 代 価 表</v>
          </cell>
        </row>
        <row r="5">
          <cell r="B5" t="str">
            <v>種　　目</v>
          </cell>
          <cell r="D5" t="str">
            <v>形状、寸法</v>
          </cell>
          <cell r="E5" t="str">
            <v>数　量</v>
          </cell>
          <cell r="F5" t="str">
            <v>単位</v>
          </cell>
          <cell r="G5" t="str">
            <v>単　　価</v>
          </cell>
          <cell r="H5" t="str">
            <v>金　　額</v>
          </cell>
          <cell r="I5" t="str">
            <v>摘　　　　要</v>
          </cell>
        </row>
        <row r="7">
          <cell r="B7" t="str">
            <v>雨水排水工</v>
          </cell>
          <cell r="E7">
            <v>1</v>
          </cell>
          <cell r="F7" t="str">
            <v>式</v>
          </cell>
          <cell r="H7">
            <v>2394182</v>
          </cell>
          <cell r="I7" t="str">
            <v>Ｂ－１</v>
          </cell>
          <cell r="J7" t="str">
            <v>号代価表</v>
          </cell>
        </row>
        <row r="9">
          <cell r="B9" t="str">
            <v>ｲﾝﾀｰﾛｯｷﾝｸﾞ舗装工</v>
          </cell>
          <cell r="E9">
            <v>1</v>
          </cell>
          <cell r="F9" t="str">
            <v>式</v>
          </cell>
          <cell r="H9">
            <v>5007916</v>
          </cell>
          <cell r="I9" t="str">
            <v>Ｂ－２</v>
          </cell>
          <cell r="J9" t="str">
            <v>号代価表</v>
          </cell>
        </row>
        <row r="11">
          <cell r="B11" t="str">
            <v>縁石工</v>
          </cell>
          <cell r="E11">
            <v>1</v>
          </cell>
          <cell r="F11" t="str">
            <v>式</v>
          </cell>
          <cell r="H11">
            <v>372229</v>
          </cell>
          <cell r="I11" t="str">
            <v>Ｂ－３</v>
          </cell>
          <cell r="J11" t="str">
            <v>号代価表</v>
          </cell>
        </row>
        <row r="13">
          <cell r="B13" t="str">
            <v>砕石路盤工</v>
          </cell>
          <cell r="E13">
            <v>1</v>
          </cell>
          <cell r="F13" t="str">
            <v>式</v>
          </cell>
          <cell r="H13">
            <v>286407</v>
          </cell>
          <cell r="I13" t="str">
            <v>Ｂ－４</v>
          </cell>
          <cell r="J13" t="str">
            <v>号代価表</v>
          </cell>
        </row>
        <row r="15">
          <cell r="B15" t="str">
            <v>消雪管布設工</v>
          </cell>
          <cell r="E15">
            <v>1</v>
          </cell>
          <cell r="F15" t="str">
            <v>式</v>
          </cell>
          <cell r="H15">
            <v>1306326</v>
          </cell>
          <cell r="I15" t="str">
            <v>Ｂ－５</v>
          </cell>
          <cell r="J15" t="str">
            <v>号代価表</v>
          </cell>
        </row>
        <row r="17">
          <cell r="B17" t="str">
            <v>　　　  計</v>
          </cell>
          <cell r="H17">
            <v>9367060</v>
          </cell>
        </row>
        <row r="34">
          <cell r="C34" t="str">
            <v>設　計　用　紙</v>
          </cell>
          <cell r="H34" t="str">
            <v>石 川 県 津 幡 町</v>
          </cell>
        </row>
        <row r="35">
          <cell r="C35" t="str">
            <v>号 表</v>
          </cell>
          <cell r="I35" t="str">
            <v>当 り 代 価 表</v>
          </cell>
        </row>
        <row r="36">
          <cell r="B36" t="str">
            <v>種　　目</v>
          </cell>
          <cell r="D36" t="str">
            <v>形状、寸法</v>
          </cell>
          <cell r="E36" t="str">
            <v>数　量</v>
          </cell>
          <cell r="F36" t="str">
            <v>単位</v>
          </cell>
          <cell r="G36" t="str">
            <v>単　　価</v>
          </cell>
          <cell r="H36" t="str">
            <v>金　　額</v>
          </cell>
          <cell r="I36" t="str">
            <v>摘　　　　要</v>
          </cell>
        </row>
      </sheetData>
      <sheetData sheetId="1" refreshError="1"/>
      <sheetData sheetId="2" refreshError="1"/>
      <sheetData sheetId="3" refreshError="1"/>
      <sheetData sheetId="4"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複１"/>
    </sheetNames>
    <sheetDataSet>
      <sheetData sheetId="0"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経費計算"/>
      <sheetName val="事業費明細書(納品用)"/>
      <sheetName val="運搬費"/>
      <sheetName val="機械運転費"/>
    </sheetNames>
    <sheetDataSet>
      <sheetData sheetId="0"/>
      <sheetData sheetId="1"/>
      <sheetData sheetId="2"/>
      <sheetData sheetId="3"/>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価格計算"/>
    </sheetNames>
    <definedNames>
      <definedName name="Anzen"/>
      <definedName name="AnzenHyouji"/>
      <definedName name="Eizen"/>
      <definedName name="EizenHyouji"/>
      <definedName name="GenbaKanri"/>
      <definedName name="GenbaKanriHyouji"/>
      <definedName name="IppanKanri"/>
      <definedName name="IppanKanriHyouji"/>
      <definedName name="Junbi"/>
      <definedName name="JunbiHyouji"/>
      <definedName name="Unnpan"/>
      <definedName name="Yusou"/>
      <definedName name="YusouHyouji"/>
    </defined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価格計算"/>
    </sheetNames>
    <definedNames>
      <definedName name="Anzen"/>
      <definedName name="AnzenHyouji"/>
      <definedName name="Eizen"/>
      <definedName name="EizenHyouji"/>
      <definedName name="GenbaKanri"/>
      <definedName name="GenbaKanriHyouji"/>
      <definedName name="IppanKanri"/>
      <definedName name="IppanKanriHyouji"/>
      <definedName name="Junbi"/>
      <definedName name="JunbiHyouji"/>
      <definedName name="Unnpan"/>
      <definedName name="Yusou"/>
      <definedName name="YusouHyouji"/>
    </definedNames>
    <sheetDataSet>
      <sheetData sheetId="0"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Ｂ代価 "/>
      <sheetName val="Ｃ代価(1)"/>
      <sheetName val="内訳表"/>
      <sheetName val="本工事費内訳表"/>
      <sheetName val="Ａ代価 "/>
    </sheetNames>
    <sheetDataSet>
      <sheetData sheetId="0"/>
      <sheetData sheetId="1"/>
      <sheetData sheetId="2"/>
      <sheetData sheetId="3"/>
      <sheetData sheetId="4"/>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条件"/>
      <sheetName val="容計"/>
      <sheetName val="Sheet5"/>
    </sheetNames>
    <sheetDataSet>
      <sheetData sheetId="0">
        <row r="8">
          <cell r="C8">
            <v>2</v>
          </cell>
        </row>
        <row r="9">
          <cell r="C9">
            <v>4</v>
          </cell>
        </row>
        <row r="11">
          <cell r="C11">
            <v>48</v>
          </cell>
        </row>
        <row r="14">
          <cell r="C14">
            <v>90.9</v>
          </cell>
        </row>
        <row r="16">
          <cell r="C16">
            <v>5</v>
          </cell>
        </row>
        <row r="21">
          <cell r="C21">
            <v>60</v>
          </cell>
          <cell r="E21">
            <v>16</v>
          </cell>
        </row>
        <row r="23">
          <cell r="C23">
            <v>180</v>
          </cell>
          <cell r="E23">
            <v>8</v>
          </cell>
        </row>
        <row r="24">
          <cell r="C24">
            <v>60</v>
          </cell>
        </row>
      </sheetData>
      <sheetData sheetId="1"/>
      <sheetData sheetId="2"/>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水槽"/>
      <sheetName val="容計（ﾕﾆｯﾄ）"/>
      <sheetName val="薬洗計"/>
      <sheetName val="排水処理計"/>
      <sheetName val="槽内濃度"/>
      <sheetName val="機器ﾘｽﾄ"/>
      <sheetName val="動力ﾘｽﾄ"/>
      <sheetName val="計装ﾘｽﾄ"/>
      <sheetName val="水槽容計"/>
      <sheetName val="容計"/>
      <sheetName val="IC計算"/>
      <sheetName val="建設費提出"/>
      <sheetName val="営業用IC割"/>
      <sheetName val="営業用IC最終"/>
      <sheetName val="１ページ"/>
      <sheetName val="２ページ"/>
      <sheetName val="３ページ"/>
      <sheetName val="提出用水槽容計"/>
      <sheetName val="×　水位作動，警報一覧"/>
    </sheetNames>
    <sheetDataSet>
      <sheetData sheetId="0" refreshError="1"/>
      <sheetData sheetId="1">
        <row r="33">
          <cell r="F33">
            <v>3</v>
          </cell>
        </row>
      </sheetData>
      <sheetData sheetId="2" refreshError="1"/>
      <sheetData sheetId="3"/>
      <sheetData sheetId="4" refreshError="1"/>
      <sheetData sheetId="5"/>
      <sheetData sheetId="6" refreshError="1"/>
      <sheetData sheetId="7" refreshError="1"/>
      <sheetData sheetId="8"/>
      <sheetData sheetId="9" refreshError="1"/>
      <sheetData sheetId="10" refreshError="1"/>
      <sheetData sheetId="11" refreshError="1"/>
      <sheetData sheetId="12" refreshError="1"/>
      <sheetData sheetId="13" refreshError="1"/>
      <sheetData sheetId="14">
        <row r="8">
          <cell r="F8">
            <v>7523</v>
          </cell>
        </row>
        <row r="9">
          <cell r="F9">
            <v>4</v>
          </cell>
        </row>
        <row r="10">
          <cell r="F10">
            <v>7500</v>
          </cell>
        </row>
        <row r="11">
          <cell r="F11">
            <v>24</v>
          </cell>
        </row>
        <row r="41">
          <cell r="J41">
            <v>1020.8</v>
          </cell>
        </row>
        <row r="58">
          <cell r="J58">
            <v>2527.1</v>
          </cell>
        </row>
      </sheetData>
      <sheetData sheetId="15">
        <row r="36">
          <cell r="I36">
            <v>21470</v>
          </cell>
        </row>
      </sheetData>
      <sheetData sheetId="16">
        <row r="9">
          <cell r="L9">
            <v>5416</v>
          </cell>
        </row>
        <row r="16">
          <cell r="G16">
            <v>40</v>
          </cell>
        </row>
        <row r="17">
          <cell r="L17">
            <v>1288</v>
          </cell>
        </row>
        <row r="54">
          <cell r="S54">
            <v>40000</v>
          </cell>
        </row>
        <row r="56">
          <cell r="S56">
            <v>72000</v>
          </cell>
        </row>
        <row r="66">
          <cell r="S66">
            <v>100000</v>
          </cell>
        </row>
        <row r="68">
          <cell r="S68">
            <v>15000</v>
          </cell>
        </row>
      </sheetData>
      <sheetData sheetId="17" refreshError="1"/>
      <sheetData sheetId="18"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動力ｹｰﾌﾞﾙ"/>
      <sheetName val="制御ｹｰﾌﾞﾙ"/>
      <sheetName val="動力電線管"/>
      <sheetName val="制御電線管"/>
      <sheetName val="ｹｰﾌﾞﾙ計"/>
      <sheetName val="電線管計"/>
      <sheetName val="複合"/>
      <sheetName val="機器据付"/>
      <sheetName val="試運転"/>
      <sheetName val="人工集計"/>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動力ｹｰﾌﾞﾙ"/>
      <sheetName val="制御ｹｰﾌﾞﾙ"/>
      <sheetName val="動力電線管"/>
      <sheetName val="制御電線管"/>
      <sheetName val="ｹｰﾌﾞﾙ計"/>
      <sheetName val="電線管計"/>
      <sheetName val="複合"/>
      <sheetName val="機器据付"/>
      <sheetName val="試運転"/>
      <sheetName val="人工集計"/>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総括）"/>
      <sheetName val="本工事費（内訳）"/>
      <sheetName val="明細書"/>
      <sheetName val="代価表一覧"/>
      <sheetName val="代価表"/>
      <sheetName val="単価表一覧"/>
      <sheetName val="単価表"/>
      <sheetName val="数量一覧表"/>
      <sheetName val="一般労務員・機械設備据付工集計表"/>
      <sheetName val="機器据付工"/>
      <sheetName val="鋼製架台集計表"/>
      <sheetName val="鋼製架台計算書"/>
      <sheetName val="複合工集計表"/>
      <sheetName val="複合工計算書"/>
      <sheetName val="鋼管布設及接合工集計表"/>
      <sheetName val="鋼管数量表"/>
      <sheetName val="鋼管内訳"/>
      <sheetName val="塗装面積"/>
      <sheetName val="小配管据付工数"/>
      <sheetName val="配管類集計表"/>
      <sheetName val="小配管弁類材料"/>
      <sheetName val="スケルトン図"/>
      <sheetName val="配線据付工"/>
      <sheetName val="ｹｰﾌﾞﾙ労務"/>
      <sheetName val="電線管労務"/>
      <sheetName val="複合"/>
      <sheetName val="ｹｰﾌﾞﾙ集計"/>
      <sheetName val="電線管集計"/>
      <sheetName val="拾出根拠表 "/>
      <sheetName val="試運転"/>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総括）"/>
      <sheetName val="本工事費（内訳）"/>
      <sheetName val="明細書"/>
      <sheetName val="代価表一覧"/>
      <sheetName val="代価表"/>
      <sheetName val="単価表一覧"/>
      <sheetName val="単価表"/>
      <sheetName val="数量一覧表"/>
      <sheetName val="一般労務員・機械設備据付工集計表"/>
      <sheetName val="機器据付工"/>
      <sheetName val="鋼製架台集計表"/>
      <sheetName val="鋼製架台計算書"/>
      <sheetName val="複合工集計表"/>
      <sheetName val="複合工計算書"/>
      <sheetName val="鋼管布設及接合工集計表"/>
      <sheetName val="鋼管数量表"/>
      <sheetName val="鋼管内訳"/>
      <sheetName val="塗装面積"/>
      <sheetName val="小配管据付工数"/>
      <sheetName val="配管類集計表"/>
      <sheetName val="小配管弁類材料"/>
      <sheetName val="スケルトン図"/>
      <sheetName val="配線据付工"/>
      <sheetName val="ｹｰﾌﾞﾙ労務"/>
      <sheetName val="電線管労務"/>
      <sheetName val="複合"/>
      <sheetName val="ｹｰﾌﾞﾙ集計"/>
      <sheetName val="電線管集計"/>
      <sheetName val="拾出根拠表 "/>
      <sheetName val="試運転"/>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書"/>
      <sheetName val="代価屋外給水"/>
      <sheetName val="代価屋内給水"/>
      <sheetName val="代価屋外排水"/>
      <sheetName val="代価屋内排水"/>
      <sheetName val="代価衛生器具"/>
      <sheetName val="代価冷暖房"/>
      <sheetName val="代価換気"/>
      <sheetName val="見積比較"/>
      <sheetName val="換気計算"/>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表紙"/>
      <sheetName val="鏡"/>
      <sheetName val="内訳(撤去工事)"/>
      <sheetName val="代価表紙"/>
      <sheetName val="物価･ｶﾀﾛｸﾞ "/>
      <sheetName val="歩掛(撤去工事)"/>
      <sheetName val="拾･ﾌﾞﾛｱｰ室"/>
      <sheetName val="拾･処理施設"/>
      <sheetName val="拾･屋外幹線"/>
      <sheetName val="拾･集計"/>
      <sheetName val="拾い"/>
      <sheetName val="拾い (2)"/>
      <sheetName val="拾い (3)"/>
      <sheetName val="拾い (4)"/>
      <sheetName val="#REF"/>
      <sheetName val="大鏡"/>
      <sheetName val="内・屋外"/>
      <sheetName val="歩・屋"/>
      <sheetName val="拾・幹線(屋)"/>
      <sheetName val="愛駿寮公共下水道接続工事"/>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一位代価"/>
      <sheetName val="予定価格内訳"/>
      <sheetName val="工事総括"/>
      <sheetName val="内訳表紙"/>
      <sheetName val="官給品"/>
      <sheetName val="特定材料"/>
      <sheetName val="工程"/>
      <sheetName val="標識別内訳"/>
      <sheetName val="公開様式"/>
      <sheetName val="計算"/>
      <sheetName val="提出書類"/>
      <sheetName val="重量計算"/>
      <sheetName val="再使用品"/>
    </sheetNames>
    <sheetDataSet>
      <sheetData sheetId="0"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灯器</v>
          </cell>
          <cell r="C2" t="str">
            <v>取付</v>
          </cell>
          <cell r="D2" t="str">
            <v>LEDⅤ型</v>
          </cell>
          <cell r="E2" t="str">
            <v>組</v>
          </cell>
          <cell r="F2">
            <v>1</v>
          </cell>
          <cell r="H2">
            <v>95110.399999999994</v>
          </cell>
          <cell r="I2" t="str">
            <v>電通 P2-29</v>
          </cell>
          <cell r="T2">
            <v>10</v>
          </cell>
        </row>
        <row r="3">
          <cell r="C3" t="str">
            <v>灯器台</v>
          </cell>
          <cell r="D3" t="str">
            <v>SUS304</v>
          </cell>
          <cell r="E3" t="str">
            <v>台</v>
          </cell>
          <cell r="F3">
            <v>1</v>
          </cell>
          <cell r="G3">
            <v>70000</v>
          </cell>
          <cell r="H3">
            <v>70000</v>
          </cell>
          <cell r="I3" t="str">
            <v>市価</v>
          </cell>
        </row>
        <row r="4">
          <cell r="C4" t="str">
            <v>ケミカルアンカー</v>
          </cell>
          <cell r="D4" t="str">
            <v>R16</v>
          </cell>
          <cell r="E4" t="str">
            <v>個</v>
          </cell>
          <cell r="F4">
            <v>4</v>
          </cell>
          <cell r="G4">
            <v>475</v>
          </cell>
          <cell r="H4">
            <v>1900</v>
          </cell>
          <cell r="I4" t="str">
            <v>物 P49</v>
          </cell>
        </row>
        <row r="5">
          <cell r="C5" t="str">
            <v>電工</v>
          </cell>
          <cell r="E5" t="str">
            <v>人</v>
          </cell>
          <cell r="F5">
            <v>0.8</v>
          </cell>
          <cell r="G5">
            <v>16700</v>
          </cell>
          <cell r="H5">
            <v>13360</v>
          </cell>
          <cell r="I5" t="str">
            <v>長崎</v>
          </cell>
        </row>
        <row r="6">
          <cell r="C6" t="str">
            <v>普通作業員</v>
          </cell>
          <cell r="E6" t="str">
            <v>人</v>
          </cell>
          <cell r="F6">
            <v>0.5</v>
          </cell>
          <cell r="G6">
            <v>14000</v>
          </cell>
          <cell r="H6">
            <v>7000</v>
          </cell>
          <cell r="I6" t="str">
            <v>長崎</v>
          </cell>
        </row>
        <row r="7">
          <cell r="C7" t="str">
            <v>その他</v>
          </cell>
          <cell r="D7" t="str">
            <v>（労）×１４％</v>
          </cell>
          <cell r="E7" t="str">
            <v>式</v>
          </cell>
          <cell r="F7">
            <v>1</v>
          </cell>
          <cell r="H7">
            <v>2850.4</v>
          </cell>
          <cell r="I7">
            <v>20360</v>
          </cell>
          <cell r="K7" t="str">
            <v>×</v>
          </cell>
          <cell r="L7">
            <v>0.14000000000000001</v>
          </cell>
        </row>
        <row r="9">
          <cell r="A9">
            <v>2</v>
          </cell>
          <cell r="B9" t="str">
            <v>太陽電池架</v>
          </cell>
          <cell r="C9" t="str">
            <v>取付</v>
          </cell>
          <cell r="D9" t="str">
            <v>12V44W</v>
          </cell>
          <cell r="E9" t="str">
            <v>台</v>
          </cell>
          <cell r="F9">
            <v>1</v>
          </cell>
          <cell r="H9">
            <v>104834.54000000001</v>
          </cell>
          <cell r="I9" t="str">
            <v>電通 P2-30</v>
          </cell>
          <cell r="T9">
            <v>10</v>
          </cell>
        </row>
        <row r="10">
          <cell r="C10" t="str">
            <v>太陽電池架台</v>
          </cell>
          <cell r="D10" t="str">
            <v>SUS304</v>
          </cell>
          <cell r="E10" t="str">
            <v>台</v>
          </cell>
          <cell r="F10">
            <v>1</v>
          </cell>
          <cell r="G10">
            <v>77000</v>
          </cell>
          <cell r="H10">
            <v>77000</v>
          </cell>
          <cell r="I10" t="str">
            <v>市価</v>
          </cell>
        </row>
        <row r="11">
          <cell r="C11" t="str">
            <v>ケミカルアンカー</v>
          </cell>
          <cell r="D11" t="str">
            <v>R16</v>
          </cell>
          <cell r="E11" t="str">
            <v>個</v>
          </cell>
          <cell r="F11">
            <v>4</v>
          </cell>
          <cell r="G11">
            <v>475</v>
          </cell>
          <cell r="H11">
            <v>1900</v>
          </cell>
          <cell r="I11" t="str">
            <v>物 P49</v>
          </cell>
        </row>
        <row r="12">
          <cell r="C12" t="str">
            <v>電工</v>
          </cell>
          <cell r="E12" t="str">
            <v>人</v>
          </cell>
          <cell r="F12">
            <v>0.64800000000000002</v>
          </cell>
          <cell r="G12">
            <v>16700</v>
          </cell>
          <cell r="H12">
            <v>10821.6</v>
          </cell>
          <cell r="I12" t="str">
            <v>長崎</v>
          </cell>
          <cell r="J12">
            <v>1.2E-2</v>
          </cell>
          <cell r="K12" t="str">
            <v>×</v>
          </cell>
          <cell r="L12">
            <v>44</v>
          </cell>
          <cell r="M12" t="str">
            <v>＋</v>
          </cell>
          <cell r="N12">
            <v>0.12</v>
          </cell>
        </row>
        <row r="13">
          <cell r="C13" t="str">
            <v>普通作業員</v>
          </cell>
          <cell r="E13" t="str">
            <v>人</v>
          </cell>
          <cell r="F13">
            <v>0.85199999999999998</v>
          </cell>
          <cell r="G13">
            <v>14000</v>
          </cell>
          <cell r="H13">
            <v>11928</v>
          </cell>
          <cell r="I13" t="str">
            <v>長崎</v>
          </cell>
          <cell r="J13">
            <v>2.3E-2</v>
          </cell>
          <cell r="K13" t="str">
            <v>×</v>
          </cell>
          <cell r="L13">
            <v>44</v>
          </cell>
          <cell r="M13" t="str">
            <v>－</v>
          </cell>
          <cell r="N13">
            <v>0.16</v>
          </cell>
        </row>
        <row r="14">
          <cell r="C14" t="str">
            <v>その他</v>
          </cell>
          <cell r="D14" t="str">
            <v>（労）×１４％</v>
          </cell>
          <cell r="E14" t="str">
            <v>式</v>
          </cell>
          <cell r="F14">
            <v>1</v>
          </cell>
          <cell r="H14">
            <v>3184.94</v>
          </cell>
          <cell r="I14">
            <v>22749.599999999999</v>
          </cell>
          <cell r="K14" t="str">
            <v>×</v>
          </cell>
          <cell r="L14">
            <v>0.14000000000000001</v>
          </cell>
        </row>
        <row r="16">
          <cell r="A16">
            <v>3</v>
          </cell>
          <cell r="B16" t="str">
            <v>太陽電池装置用配電盤</v>
          </cell>
          <cell r="C16" t="str">
            <v>取付</v>
          </cell>
          <cell r="E16" t="str">
            <v>台</v>
          </cell>
          <cell r="F16">
            <v>1</v>
          </cell>
          <cell r="H16">
            <v>39232</v>
          </cell>
          <cell r="I16" t="str">
            <v>電通 P2-30</v>
          </cell>
        </row>
        <row r="17">
          <cell r="C17" t="str">
            <v>ホークアンカーボルト</v>
          </cell>
          <cell r="D17" t="str">
            <v>SUS304 B1070</v>
          </cell>
          <cell r="E17" t="str">
            <v>個</v>
          </cell>
          <cell r="F17">
            <v>4</v>
          </cell>
          <cell r="G17">
            <v>289</v>
          </cell>
          <cell r="H17">
            <v>1156</v>
          </cell>
          <cell r="I17" t="str">
            <v>物 P45</v>
          </cell>
        </row>
        <row r="18">
          <cell r="C18" t="str">
            <v>電工</v>
          </cell>
          <cell r="E18" t="str">
            <v>人</v>
          </cell>
          <cell r="F18">
            <v>2</v>
          </cell>
          <cell r="G18">
            <v>16700</v>
          </cell>
          <cell r="H18">
            <v>33400</v>
          </cell>
          <cell r="I18" t="str">
            <v>長崎</v>
          </cell>
        </row>
        <row r="19">
          <cell r="C19" t="str">
            <v>その他</v>
          </cell>
          <cell r="D19" t="str">
            <v>（労）×１４％</v>
          </cell>
          <cell r="E19" t="str">
            <v>式</v>
          </cell>
          <cell r="F19">
            <v>1</v>
          </cell>
          <cell r="H19">
            <v>4676</v>
          </cell>
          <cell r="I19">
            <v>33400</v>
          </cell>
          <cell r="K19" t="str">
            <v>×</v>
          </cell>
          <cell r="L19">
            <v>0.14000000000000001</v>
          </cell>
        </row>
        <row r="25">
          <cell r="A25">
            <v>4</v>
          </cell>
          <cell r="B25" t="str">
            <v>蓄電池</v>
          </cell>
          <cell r="C25" t="str">
            <v>取付</v>
          </cell>
          <cell r="D25" t="str">
            <v>CS-60-6E</v>
          </cell>
          <cell r="E25" t="str">
            <v>式</v>
          </cell>
          <cell r="F25">
            <v>1</v>
          </cell>
          <cell r="H25">
            <v>12459.6</v>
          </cell>
          <cell r="I25" t="str">
            <v>電通 P2-30</v>
          </cell>
        </row>
        <row r="26">
          <cell r="C26" t="str">
            <v>蓄電池転倒防止ベルト</v>
          </cell>
          <cell r="D26" t="str">
            <v>SUS304</v>
          </cell>
          <cell r="E26" t="str">
            <v>個</v>
          </cell>
          <cell r="F26">
            <v>1</v>
          </cell>
          <cell r="G26">
            <v>5000</v>
          </cell>
          <cell r="H26">
            <v>5000</v>
          </cell>
          <cell r="I26" t="str">
            <v>市価</v>
          </cell>
        </row>
        <row r="27">
          <cell r="C27" t="str">
            <v>ホークアンカーボルト</v>
          </cell>
          <cell r="D27" t="str">
            <v>SUS304 B870</v>
          </cell>
          <cell r="E27" t="str">
            <v>個</v>
          </cell>
          <cell r="F27">
            <v>2</v>
          </cell>
          <cell r="G27">
            <v>230</v>
          </cell>
          <cell r="H27">
            <v>460</v>
          </cell>
          <cell r="I27" t="str">
            <v>物 P45</v>
          </cell>
        </row>
        <row r="28">
          <cell r="C28" t="str">
            <v>電工</v>
          </cell>
          <cell r="E28" t="str">
            <v>人</v>
          </cell>
          <cell r="F28">
            <v>0.2</v>
          </cell>
          <cell r="G28">
            <v>16700</v>
          </cell>
          <cell r="H28">
            <v>3340</v>
          </cell>
          <cell r="I28" t="str">
            <v>長崎</v>
          </cell>
          <cell r="J28">
            <v>0.05</v>
          </cell>
          <cell r="K28" t="str">
            <v>×</v>
          </cell>
          <cell r="L28">
            <v>2</v>
          </cell>
          <cell r="M28" t="str">
            <v>×</v>
          </cell>
          <cell r="N28">
            <v>2</v>
          </cell>
          <cell r="O28" t="str">
            <v>個</v>
          </cell>
        </row>
        <row r="29">
          <cell r="C29" t="str">
            <v>普通作業員</v>
          </cell>
          <cell r="E29" t="str">
            <v>人</v>
          </cell>
          <cell r="F29">
            <v>0.2</v>
          </cell>
          <cell r="G29">
            <v>14000</v>
          </cell>
          <cell r="H29">
            <v>2800</v>
          </cell>
          <cell r="I29" t="str">
            <v>長崎</v>
          </cell>
          <cell r="J29">
            <v>0.05</v>
          </cell>
          <cell r="K29" t="str">
            <v>×</v>
          </cell>
          <cell r="L29">
            <v>2</v>
          </cell>
          <cell r="M29" t="str">
            <v>×</v>
          </cell>
          <cell r="N29">
            <v>2</v>
          </cell>
          <cell r="O29" t="str">
            <v>個</v>
          </cell>
        </row>
        <row r="30">
          <cell r="C30" t="str">
            <v>その他</v>
          </cell>
          <cell r="D30" t="str">
            <v>（労）×１４％</v>
          </cell>
          <cell r="E30" t="str">
            <v>式</v>
          </cell>
          <cell r="F30">
            <v>1</v>
          </cell>
          <cell r="H30">
            <v>859.6</v>
          </cell>
          <cell r="I30">
            <v>6140</v>
          </cell>
          <cell r="K30" t="str">
            <v>×</v>
          </cell>
          <cell r="L30">
            <v>0.14000000000000001</v>
          </cell>
        </row>
        <row r="32">
          <cell r="A32">
            <v>5</v>
          </cell>
          <cell r="B32" t="str">
            <v>電線管</v>
          </cell>
          <cell r="C32" t="str">
            <v>取付</v>
          </cell>
          <cell r="D32" t="str">
            <v>HIVE28</v>
          </cell>
          <cell r="E32" t="str">
            <v>ｍ</v>
          </cell>
          <cell r="F32">
            <v>1</v>
          </cell>
          <cell r="H32">
            <v>1738.78</v>
          </cell>
          <cell r="I32" t="str">
            <v>建 P578</v>
          </cell>
        </row>
        <row r="33">
          <cell r="C33" t="str">
            <v>電線管</v>
          </cell>
          <cell r="D33" t="str">
            <v>HIVE28</v>
          </cell>
          <cell r="E33" t="str">
            <v>ｍ</v>
          </cell>
          <cell r="F33">
            <v>1.1000000000000001</v>
          </cell>
          <cell r="G33">
            <v>177.5</v>
          </cell>
          <cell r="H33">
            <v>195.25</v>
          </cell>
          <cell r="I33" t="str">
            <v>積 P515</v>
          </cell>
          <cell r="L33">
            <v>710</v>
          </cell>
          <cell r="M33" t="str">
            <v>÷</v>
          </cell>
          <cell r="N33">
            <v>4</v>
          </cell>
        </row>
        <row r="34">
          <cell r="C34" t="str">
            <v>付属品</v>
          </cell>
          <cell r="D34" t="str">
            <v>（管）×３０％</v>
          </cell>
          <cell r="E34" t="str">
            <v>式</v>
          </cell>
          <cell r="F34">
            <v>1</v>
          </cell>
          <cell r="H34">
            <v>58.57</v>
          </cell>
          <cell r="I34">
            <v>195.25</v>
          </cell>
          <cell r="K34" t="str">
            <v>×</v>
          </cell>
          <cell r="L34">
            <v>0.3</v>
          </cell>
        </row>
        <row r="35">
          <cell r="C35" t="str">
            <v>雑材料</v>
          </cell>
          <cell r="D35" t="str">
            <v>（材）×５％</v>
          </cell>
          <cell r="E35" t="str">
            <v>式</v>
          </cell>
          <cell r="F35">
            <v>1</v>
          </cell>
          <cell r="H35">
            <v>12.69</v>
          </cell>
          <cell r="I35">
            <v>253.82</v>
          </cell>
          <cell r="K35" t="str">
            <v>×</v>
          </cell>
          <cell r="L35">
            <v>0.05</v>
          </cell>
        </row>
        <row r="36">
          <cell r="C36" t="str">
            <v>電工</v>
          </cell>
          <cell r="E36" t="str">
            <v>人</v>
          </cell>
          <cell r="F36">
            <v>7.5999999999999998E-2</v>
          </cell>
          <cell r="G36">
            <v>16700</v>
          </cell>
          <cell r="H36">
            <v>1269.2</v>
          </cell>
          <cell r="I36" t="str">
            <v>長崎</v>
          </cell>
          <cell r="J36">
            <v>6.4000000000000001E-2</v>
          </cell>
          <cell r="K36" t="str">
            <v>×</v>
          </cell>
          <cell r="L36">
            <v>1.2</v>
          </cell>
        </row>
        <row r="37">
          <cell r="C37" t="str">
            <v>その他</v>
          </cell>
          <cell r="D37" t="str">
            <v>（労）×１６％</v>
          </cell>
          <cell r="E37" t="str">
            <v>式</v>
          </cell>
          <cell r="F37">
            <v>1</v>
          </cell>
          <cell r="H37">
            <v>203.07</v>
          </cell>
          <cell r="I37">
            <v>1269.2</v>
          </cell>
          <cell r="K37" t="str">
            <v>×</v>
          </cell>
          <cell r="L37">
            <v>0.16</v>
          </cell>
        </row>
        <row r="39">
          <cell r="A39">
            <v>6</v>
          </cell>
          <cell r="B39" t="str">
            <v>電線管</v>
          </cell>
          <cell r="C39" t="str">
            <v>取付</v>
          </cell>
          <cell r="D39" t="str">
            <v>PF28（２重管）</v>
          </cell>
          <cell r="E39" t="str">
            <v>ｍ</v>
          </cell>
          <cell r="F39">
            <v>1</v>
          </cell>
          <cell r="H39">
            <v>1414.2400000000002</v>
          </cell>
          <cell r="I39" t="str">
            <v>建 P580</v>
          </cell>
        </row>
        <row r="40">
          <cell r="C40" t="str">
            <v>電線管</v>
          </cell>
          <cell r="D40" t="str">
            <v>PF28（２重管）</v>
          </cell>
          <cell r="E40" t="str">
            <v>ｍ</v>
          </cell>
          <cell r="F40">
            <v>1.1000000000000001</v>
          </cell>
          <cell r="G40">
            <v>152</v>
          </cell>
          <cell r="H40">
            <v>167.2</v>
          </cell>
          <cell r="I40" t="str">
            <v>物 P496・積 P516</v>
          </cell>
        </row>
        <row r="41">
          <cell r="C41" t="str">
            <v>付属品</v>
          </cell>
          <cell r="D41" t="str">
            <v>（管）×２５％</v>
          </cell>
          <cell r="E41" t="str">
            <v>式</v>
          </cell>
          <cell r="F41">
            <v>1</v>
          </cell>
          <cell r="H41">
            <v>41.8</v>
          </cell>
          <cell r="I41">
            <v>167.2</v>
          </cell>
          <cell r="K41" t="str">
            <v>×</v>
          </cell>
          <cell r="L41">
            <v>0.25</v>
          </cell>
        </row>
        <row r="42">
          <cell r="C42" t="str">
            <v>雑材料</v>
          </cell>
          <cell r="D42" t="str">
            <v>（材）×２％</v>
          </cell>
          <cell r="E42" t="str">
            <v>式</v>
          </cell>
          <cell r="F42">
            <v>1</v>
          </cell>
          <cell r="H42">
            <v>4.18</v>
          </cell>
          <cell r="I42">
            <v>209</v>
          </cell>
          <cell r="K42" t="str">
            <v>×</v>
          </cell>
          <cell r="L42">
            <v>0.02</v>
          </cell>
        </row>
        <row r="43">
          <cell r="C43" t="str">
            <v>電工</v>
          </cell>
          <cell r="E43" t="str">
            <v>人</v>
          </cell>
          <cell r="F43">
            <v>6.2E-2</v>
          </cell>
          <cell r="G43">
            <v>16700</v>
          </cell>
          <cell r="H43">
            <v>1035.4000000000001</v>
          </cell>
          <cell r="I43" t="str">
            <v>長崎</v>
          </cell>
          <cell r="J43">
            <v>5.1999999999999998E-2</v>
          </cell>
          <cell r="K43" t="str">
            <v>×</v>
          </cell>
          <cell r="L43">
            <v>1.2</v>
          </cell>
        </row>
        <row r="44">
          <cell r="C44" t="str">
            <v>その他</v>
          </cell>
          <cell r="D44" t="str">
            <v>（労）×１６％</v>
          </cell>
          <cell r="E44" t="str">
            <v>式</v>
          </cell>
          <cell r="F44">
            <v>1</v>
          </cell>
          <cell r="H44">
            <v>165.66</v>
          </cell>
          <cell r="I44">
            <v>1035.4000000000001</v>
          </cell>
          <cell r="K44" t="str">
            <v>×</v>
          </cell>
          <cell r="L44">
            <v>0.16</v>
          </cell>
        </row>
        <row r="48">
          <cell r="A48">
            <v>7</v>
          </cell>
          <cell r="B48" t="str">
            <v>電線管</v>
          </cell>
          <cell r="C48" t="str">
            <v>取付</v>
          </cell>
          <cell r="D48" t="str">
            <v>VE22</v>
          </cell>
          <cell r="E48" t="str">
            <v>ｍ</v>
          </cell>
          <cell r="F48">
            <v>1</v>
          </cell>
          <cell r="H48">
            <v>1337.3899999999999</v>
          </cell>
          <cell r="I48" t="str">
            <v>建 P578</v>
          </cell>
        </row>
        <row r="49">
          <cell r="C49" t="str">
            <v>電線管</v>
          </cell>
          <cell r="D49" t="str">
            <v>VE22</v>
          </cell>
          <cell r="E49" t="str">
            <v>ｍ</v>
          </cell>
          <cell r="F49">
            <v>1.1000000000000001</v>
          </cell>
          <cell r="G49">
            <v>65</v>
          </cell>
          <cell r="H49">
            <v>71.5</v>
          </cell>
          <cell r="I49" t="str">
            <v>積 P515</v>
          </cell>
          <cell r="L49">
            <v>260</v>
          </cell>
          <cell r="M49" t="str">
            <v>÷</v>
          </cell>
          <cell r="N49">
            <v>4</v>
          </cell>
        </row>
        <row r="50">
          <cell r="C50" t="str">
            <v>付属品</v>
          </cell>
          <cell r="D50" t="str">
            <v>（管）×３０％</v>
          </cell>
          <cell r="E50" t="str">
            <v>式</v>
          </cell>
          <cell r="F50">
            <v>1</v>
          </cell>
          <cell r="H50">
            <v>21.45</v>
          </cell>
          <cell r="I50">
            <v>71.5</v>
          </cell>
          <cell r="K50" t="str">
            <v>×</v>
          </cell>
          <cell r="L50">
            <v>0.3</v>
          </cell>
        </row>
        <row r="51">
          <cell r="C51" t="str">
            <v>雑材料</v>
          </cell>
          <cell r="D51" t="str">
            <v>（材）×５％</v>
          </cell>
          <cell r="E51" t="str">
            <v>式</v>
          </cell>
          <cell r="F51">
            <v>1</v>
          </cell>
          <cell r="H51">
            <v>4.6399999999999997</v>
          </cell>
          <cell r="I51">
            <v>92.95</v>
          </cell>
          <cell r="K51" t="str">
            <v>×</v>
          </cell>
          <cell r="L51">
            <v>0.05</v>
          </cell>
        </row>
        <row r="52">
          <cell r="C52" t="str">
            <v>電工</v>
          </cell>
          <cell r="E52" t="str">
            <v>人</v>
          </cell>
          <cell r="F52">
            <v>6.4000000000000001E-2</v>
          </cell>
          <cell r="G52">
            <v>16700</v>
          </cell>
          <cell r="H52">
            <v>1068.8</v>
          </cell>
          <cell r="I52" t="str">
            <v>長崎</v>
          </cell>
          <cell r="J52">
            <v>5.3999999999999999E-2</v>
          </cell>
          <cell r="K52" t="str">
            <v>×</v>
          </cell>
          <cell r="L52">
            <v>1.2</v>
          </cell>
        </row>
        <row r="53">
          <cell r="C53" t="str">
            <v>その他</v>
          </cell>
          <cell r="D53" t="str">
            <v>（労）×１６％</v>
          </cell>
          <cell r="E53" t="str">
            <v>式</v>
          </cell>
          <cell r="F53">
            <v>1</v>
          </cell>
          <cell r="H53">
            <v>171</v>
          </cell>
          <cell r="I53">
            <v>1068.8</v>
          </cell>
          <cell r="K53" t="str">
            <v>×</v>
          </cell>
          <cell r="L53">
            <v>0.16</v>
          </cell>
        </row>
        <row r="55">
          <cell r="A55">
            <v>8</v>
          </cell>
          <cell r="B55" t="str">
            <v>電線</v>
          </cell>
          <cell r="C55" t="str">
            <v>取付</v>
          </cell>
          <cell r="D55" t="str">
            <v>VVR5.5sq×2C</v>
          </cell>
          <cell r="E55" t="str">
            <v>ｍ</v>
          </cell>
          <cell r="F55">
            <v>1</v>
          </cell>
          <cell r="H55">
            <v>524.62</v>
          </cell>
          <cell r="I55" t="str">
            <v>建 P206</v>
          </cell>
          <cell r="T55">
            <v>1</v>
          </cell>
        </row>
        <row r="56">
          <cell r="C56" t="str">
            <v>電線</v>
          </cell>
          <cell r="D56" t="str">
            <v>VVR5.5sq×2C</v>
          </cell>
          <cell r="E56" t="str">
            <v>ｍ</v>
          </cell>
          <cell r="F56">
            <v>1.1000000000000001</v>
          </cell>
          <cell r="G56">
            <v>102</v>
          </cell>
          <cell r="H56">
            <v>112.2</v>
          </cell>
          <cell r="I56" t="str">
            <v>積 P481</v>
          </cell>
        </row>
        <row r="57">
          <cell r="C57" t="str">
            <v>雑材料</v>
          </cell>
          <cell r="D57" t="str">
            <v>（材）×５％</v>
          </cell>
          <cell r="E57" t="str">
            <v>式</v>
          </cell>
          <cell r="F57">
            <v>1</v>
          </cell>
          <cell r="H57">
            <v>5.61</v>
          </cell>
          <cell r="I57">
            <v>112.2</v>
          </cell>
          <cell r="K57" t="str">
            <v>×</v>
          </cell>
          <cell r="L57">
            <v>0.05</v>
          </cell>
        </row>
        <row r="58">
          <cell r="C58" t="str">
            <v>電工</v>
          </cell>
          <cell r="E58" t="str">
            <v>人</v>
          </cell>
          <cell r="F58">
            <v>2.1000000000000001E-2</v>
          </cell>
          <cell r="G58">
            <v>16700</v>
          </cell>
          <cell r="H58">
            <v>350.7</v>
          </cell>
          <cell r="I58" t="str">
            <v>長崎</v>
          </cell>
        </row>
        <row r="59">
          <cell r="C59" t="str">
            <v>その他</v>
          </cell>
          <cell r="D59" t="str">
            <v>（労）×１６％</v>
          </cell>
          <cell r="E59" t="str">
            <v>式</v>
          </cell>
          <cell r="F59">
            <v>1</v>
          </cell>
          <cell r="H59">
            <v>56.11</v>
          </cell>
          <cell r="I59">
            <v>350.7</v>
          </cell>
          <cell r="K59" t="str">
            <v>×</v>
          </cell>
          <cell r="L59">
            <v>0.16</v>
          </cell>
        </row>
        <row r="61">
          <cell r="A61">
            <v>9</v>
          </cell>
          <cell r="B61" t="str">
            <v>配管</v>
          </cell>
          <cell r="C61" t="str">
            <v>取付</v>
          </cell>
          <cell r="D61" t="str">
            <v>引込み</v>
          </cell>
          <cell r="E61" t="str">
            <v>式</v>
          </cell>
          <cell r="F61">
            <v>1</v>
          </cell>
          <cell r="H61">
            <v>61767.32</v>
          </cell>
        </row>
        <row r="62">
          <cell r="C62" t="str">
            <v>電線管</v>
          </cell>
          <cell r="D62" t="str">
            <v>HIVE28</v>
          </cell>
          <cell r="E62" t="str">
            <v>ｍ</v>
          </cell>
          <cell r="F62">
            <v>7.5</v>
          </cell>
          <cell r="G62">
            <v>1738.78</v>
          </cell>
          <cell r="H62">
            <v>13040.85</v>
          </cell>
          <cell r="I62" t="str">
            <v>一位代価5</v>
          </cell>
        </row>
        <row r="63">
          <cell r="C63" t="str">
            <v>電線管</v>
          </cell>
          <cell r="D63" t="str">
            <v>PF28（２重管）</v>
          </cell>
          <cell r="E63" t="str">
            <v>ｍ</v>
          </cell>
          <cell r="F63">
            <v>1.2</v>
          </cell>
          <cell r="G63">
            <v>1414.2400000000002</v>
          </cell>
          <cell r="H63">
            <v>1697.08</v>
          </cell>
          <cell r="I63" t="str">
            <v>一位代価6</v>
          </cell>
        </row>
        <row r="64">
          <cell r="C64" t="str">
            <v>電線管</v>
          </cell>
          <cell r="D64" t="str">
            <v>VE22</v>
          </cell>
          <cell r="E64" t="str">
            <v>ｍ</v>
          </cell>
          <cell r="F64">
            <v>1</v>
          </cell>
          <cell r="G64">
            <v>1337.3899999999999</v>
          </cell>
          <cell r="H64">
            <v>1337.39</v>
          </cell>
          <cell r="I64" t="str">
            <v>一位代価7</v>
          </cell>
        </row>
        <row r="65">
          <cell r="C65" t="str">
            <v>エントランスキャップ</v>
          </cell>
          <cell r="D65" t="str">
            <v>HIVE28用</v>
          </cell>
          <cell r="E65" t="str">
            <v>個</v>
          </cell>
          <cell r="F65">
            <v>1</v>
          </cell>
          <cell r="G65">
            <v>372</v>
          </cell>
          <cell r="H65">
            <v>372</v>
          </cell>
          <cell r="I65" t="str">
            <v>積 P519</v>
          </cell>
        </row>
        <row r="66">
          <cell r="C66" t="str">
            <v>ステンレスサドル</v>
          </cell>
          <cell r="D66" t="str">
            <v>SUS304</v>
          </cell>
          <cell r="E66" t="str">
            <v>個</v>
          </cell>
          <cell r="F66">
            <v>22</v>
          </cell>
          <cell r="G66">
            <v>1600</v>
          </cell>
          <cell r="H66">
            <v>35200</v>
          </cell>
          <cell r="I66" t="str">
            <v>市価</v>
          </cell>
        </row>
        <row r="67">
          <cell r="C67" t="str">
            <v>ホークアンカーボルト</v>
          </cell>
          <cell r="D67" t="str">
            <v>SUS304 B870</v>
          </cell>
          <cell r="E67" t="str">
            <v>個</v>
          </cell>
          <cell r="F67">
            <v>44</v>
          </cell>
          <cell r="G67">
            <v>230</v>
          </cell>
          <cell r="H67">
            <v>10120</v>
          </cell>
          <cell r="I67" t="str">
            <v>物 P45</v>
          </cell>
        </row>
        <row r="71">
          <cell r="A71">
            <v>10</v>
          </cell>
          <cell r="B71" t="str">
            <v>機械はつり</v>
          </cell>
          <cell r="D71" t="str">
            <v>50φ×200mm</v>
          </cell>
          <cell r="E71" t="str">
            <v>箇所</v>
          </cell>
          <cell r="F71">
            <v>1</v>
          </cell>
          <cell r="H71">
            <v>6755.84</v>
          </cell>
          <cell r="I71" t="str">
            <v>建 P428</v>
          </cell>
        </row>
        <row r="72">
          <cell r="C72" t="str">
            <v>特殊作業員</v>
          </cell>
          <cell r="E72" t="str">
            <v>人</v>
          </cell>
          <cell r="F72">
            <v>0.32</v>
          </cell>
          <cell r="G72">
            <v>18200</v>
          </cell>
          <cell r="H72">
            <v>5824</v>
          </cell>
          <cell r="I72" t="str">
            <v>長崎</v>
          </cell>
        </row>
        <row r="73">
          <cell r="C73" t="str">
            <v>その他</v>
          </cell>
          <cell r="D73" t="str">
            <v>（労）×１６％</v>
          </cell>
          <cell r="E73" t="str">
            <v>式</v>
          </cell>
          <cell r="F73">
            <v>1</v>
          </cell>
          <cell r="H73">
            <v>931.84</v>
          </cell>
          <cell r="I73">
            <v>5824</v>
          </cell>
          <cell r="K73" t="str">
            <v>×</v>
          </cell>
          <cell r="L73">
            <v>0.16</v>
          </cell>
        </row>
        <row r="75">
          <cell r="A75">
            <v>11</v>
          </cell>
          <cell r="B75" t="str">
            <v>手摺切断</v>
          </cell>
          <cell r="D75" t="str">
            <v>踊り場手摺</v>
          </cell>
          <cell r="E75" t="str">
            <v>式</v>
          </cell>
          <cell r="F75">
            <v>1</v>
          </cell>
          <cell r="H75">
            <v>4063.44</v>
          </cell>
        </row>
        <row r="76">
          <cell r="C76" t="str">
            <v>予備管用フタ</v>
          </cell>
          <cell r="D76" t="str">
            <v>MFB-22C</v>
          </cell>
          <cell r="E76" t="str">
            <v>個</v>
          </cell>
          <cell r="F76">
            <v>4</v>
          </cell>
          <cell r="G76">
            <v>234</v>
          </cell>
          <cell r="H76">
            <v>936</v>
          </cell>
          <cell r="I76" t="str">
            <v>市価</v>
          </cell>
          <cell r="J76">
            <v>260</v>
          </cell>
          <cell r="L76" t="str">
            <v>×</v>
          </cell>
          <cell r="M76">
            <v>0.9</v>
          </cell>
        </row>
        <row r="77">
          <cell r="C77" t="str">
            <v>予備管用フタ</v>
          </cell>
          <cell r="D77" t="str">
            <v>MFB-36C</v>
          </cell>
          <cell r="E77" t="str">
            <v>個</v>
          </cell>
          <cell r="F77">
            <v>2</v>
          </cell>
          <cell r="G77">
            <v>297</v>
          </cell>
          <cell r="H77">
            <v>594</v>
          </cell>
          <cell r="I77" t="str">
            <v>市価</v>
          </cell>
          <cell r="J77">
            <v>330</v>
          </cell>
          <cell r="L77" t="str">
            <v>×</v>
          </cell>
          <cell r="M77">
            <v>0.9</v>
          </cell>
        </row>
        <row r="78">
          <cell r="C78" t="str">
            <v>特殊作業員</v>
          </cell>
          <cell r="E78" t="str">
            <v>人</v>
          </cell>
          <cell r="F78">
            <v>0.12</v>
          </cell>
          <cell r="G78">
            <v>18200</v>
          </cell>
          <cell r="H78">
            <v>2184</v>
          </cell>
          <cell r="I78" t="str">
            <v>長崎</v>
          </cell>
          <cell r="J78">
            <v>0.02</v>
          </cell>
          <cell r="K78" t="str">
            <v>×</v>
          </cell>
          <cell r="L78">
            <v>6</v>
          </cell>
          <cell r="M78" t="str">
            <v>箇所</v>
          </cell>
        </row>
        <row r="79">
          <cell r="C79" t="str">
            <v>その他</v>
          </cell>
          <cell r="D79" t="str">
            <v>（労）×１６％</v>
          </cell>
          <cell r="E79" t="str">
            <v>式</v>
          </cell>
          <cell r="F79">
            <v>1</v>
          </cell>
          <cell r="H79">
            <v>349.44</v>
          </cell>
          <cell r="I79">
            <v>2184</v>
          </cell>
          <cell r="K79" t="str">
            <v>×</v>
          </cell>
          <cell r="L79">
            <v>0.16</v>
          </cell>
        </row>
        <row r="81">
          <cell r="A81">
            <v>12</v>
          </cell>
          <cell r="B81" t="str">
            <v>灯ろう</v>
          </cell>
          <cell r="C81" t="str">
            <v>整備</v>
          </cell>
          <cell r="D81" t="str">
            <v>300ｍｍ</v>
          </cell>
          <cell r="E81" t="str">
            <v>個</v>
          </cell>
          <cell r="F81">
            <v>1</v>
          </cell>
          <cell r="G81">
            <v>207000</v>
          </cell>
          <cell r="H81">
            <v>207000</v>
          </cell>
          <cell r="I81" t="str">
            <v>市価</v>
          </cell>
        </row>
        <row r="83">
          <cell r="A83">
            <v>13</v>
          </cell>
          <cell r="B83" t="str">
            <v>灯ろう・レンズ</v>
          </cell>
          <cell r="C83" t="str">
            <v>取付</v>
          </cell>
          <cell r="D83" t="str">
            <v>300ｍｍ</v>
          </cell>
          <cell r="E83" t="str">
            <v>式</v>
          </cell>
          <cell r="F83">
            <v>1</v>
          </cell>
          <cell r="H83">
            <v>58938</v>
          </cell>
          <cell r="I83" t="str">
            <v>電通 P2-29</v>
          </cell>
          <cell r="T83">
            <v>6</v>
          </cell>
        </row>
        <row r="84">
          <cell r="C84" t="str">
            <v>電工</v>
          </cell>
          <cell r="E84" t="str">
            <v>人</v>
          </cell>
          <cell r="F84">
            <v>1</v>
          </cell>
          <cell r="G84">
            <v>16700</v>
          </cell>
          <cell r="H84">
            <v>16700</v>
          </cell>
          <cell r="I84" t="str">
            <v>長崎</v>
          </cell>
        </row>
        <row r="85">
          <cell r="C85" t="str">
            <v>普通作業員</v>
          </cell>
          <cell r="E85" t="str">
            <v>人</v>
          </cell>
          <cell r="F85">
            <v>2.5</v>
          </cell>
          <cell r="G85">
            <v>14000</v>
          </cell>
          <cell r="H85">
            <v>35000</v>
          </cell>
          <cell r="I85" t="str">
            <v>長崎</v>
          </cell>
        </row>
        <row r="86">
          <cell r="C86" t="str">
            <v>その他</v>
          </cell>
          <cell r="D86" t="str">
            <v>（労）×１４％</v>
          </cell>
          <cell r="E86" t="str">
            <v>式</v>
          </cell>
          <cell r="F86">
            <v>1</v>
          </cell>
          <cell r="H86">
            <v>7238</v>
          </cell>
          <cell r="I86">
            <v>51700</v>
          </cell>
          <cell r="K86" t="str">
            <v>×</v>
          </cell>
          <cell r="L86">
            <v>0.14000000000000001</v>
          </cell>
        </row>
        <row r="88">
          <cell r="A88">
            <v>14</v>
          </cell>
          <cell r="B88" t="str">
            <v>灯ろう台</v>
          </cell>
          <cell r="C88" t="str">
            <v>取付</v>
          </cell>
          <cell r="D88" t="str">
            <v>300ｍｍ</v>
          </cell>
          <cell r="E88" t="str">
            <v>個</v>
          </cell>
          <cell r="F88">
            <v>1</v>
          </cell>
          <cell r="H88">
            <v>198359</v>
          </cell>
          <cell r="I88" t="str">
            <v>電通 P2-29</v>
          </cell>
        </row>
        <row r="89">
          <cell r="C89" t="str">
            <v>灯ろう台</v>
          </cell>
          <cell r="D89" t="str">
            <v>300ｍｍ</v>
          </cell>
          <cell r="E89" t="str">
            <v>個</v>
          </cell>
          <cell r="F89">
            <v>1</v>
          </cell>
          <cell r="G89">
            <v>163000</v>
          </cell>
          <cell r="H89">
            <v>163000</v>
          </cell>
          <cell r="I89" t="str">
            <v>市価</v>
          </cell>
        </row>
        <row r="90">
          <cell r="C90" t="str">
            <v>ケミカルアンカー</v>
          </cell>
          <cell r="D90" t="str">
            <v>R16</v>
          </cell>
          <cell r="E90" t="str">
            <v>個</v>
          </cell>
          <cell r="F90">
            <v>4</v>
          </cell>
          <cell r="G90">
            <v>475</v>
          </cell>
          <cell r="H90">
            <v>1900</v>
          </cell>
          <cell r="I90" t="str">
            <v>物 P49</v>
          </cell>
        </row>
        <row r="91">
          <cell r="C91" t="str">
            <v>電工</v>
          </cell>
          <cell r="E91" t="str">
            <v>人</v>
          </cell>
          <cell r="F91">
            <v>0.5</v>
          </cell>
          <cell r="G91">
            <v>16700</v>
          </cell>
          <cell r="H91">
            <v>8350</v>
          </cell>
          <cell r="I91" t="str">
            <v>長崎</v>
          </cell>
          <cell r="T91">
            <v>6</v>
          </cell>
        </row>
        <row r="92">
          <cell r="C92" t="str">
            <v>普通作業員</v>
          </cell>
          <cell r="E92" t="str">
            <v>人</v>
          </cell>
          <cell r="F92">
            <v>1.5</v>
          </cell>
          <cell r="G92">
            <v>14000</v>
          </cell>
          <cell r="H92">
            <v>21000</v>
          </cell>
          <cell r="I92" t="str">
            <v>長崎</v>
          </cell>
        </row>
        <row r="93">
          <cell r="C93" t="str">
            <v>その他</v>
          </cell>
          <cell r="D93" t="str">
            <v>（労）×１４％</v>
          </cell>
          <cell r="E93" t="str">
            <v>式</v>
          </cell>
          <cell r="F93">
            <v>1</v>
          </cell>
          <cell r="H93">
            <v>4109</v>
          </cell>
          <cell r="I93">
            <v>29350</v>
          </cell>
          <cell r="K93" t="str">
            <v>×</v>
          </cell>
          <cell r="L93">
            <v>0.14000000000000001</v>
          </cell>
        </row>
        <row r="94">
          <cell r="A94">
            <v>15</v>
          </cell>
          <cell r="B94" t="str">
            <v>碍子</v>
          </cell>
          <cell r="C94" t="str">
            <v>取付</v>
          </cell>
          <cell r="D94" t="str">
            <v>低圧引留</v>
          </cell>
          <cell r="E94" t="str">
            <v>個</v>
          </cell>
          <cell r="F94">
            <v>1</v>
          </cell>
          <cell r="H94">
            <v>2076.14</v>
          </cell>
          <cell r="I94" t="str">
            <v>電通 P2-17</v>
          </cell>
        </row>
        <row r="95">
          <cell r="C95" t="str">
            <v>碍子</v>
          </cell>
          <cell r="D95" t="str">
            <v>低圧引留</v>
          </cell>
          <cell r="E95" t="str">
            <v>個</v>
          </cell>
          <cell r="F95">
            <v>1</v>
          </cell>
          <cell r="G95">
            <v>185</v>
          </cell>
          <cell r="H95">
            <v>185</v>
          </cell>
          <cell r="I95" t="str">
            <v>積 P572</v>
          </cell>
        </row>
        <row r="96">
          <cell r="C96" t="str">
            <v>ストラップ</v>
          </cell>
          <cell r="D96" t="str">
            <v>3t×38×280</v>
          </cell>
          <cell r="E96" t="str">
            <v>個</v>
          </cell>
          <cell r="F96">
            <v>2</v>
          </cell>
          <cell r="G96">
            <v>79</v>
          </cell>
          <cell r="H96">
            <v>158</v>
          </cell>
          <cell r="I96" t="str">
            <v>積 P564</v>
          </cell>
        </row>
        <row r="97">
          <cell r="C97" t="str">
            <v>ボルトナット</v>
          </cell>
          <cell r="D97" t="str">
            <v>M16×120</v>
          </cell>
          <cell r="E97" t="str">
            <v>本</v>
          </cell>
          <cell r="F97">
            <v>2</v>
          </cell>
          <cell r="G97">
            <v>166</v>
          </cell>
          <cell r="H97">
            <v>332</v>
          </cell>
          <cell r="I97" t="str">
            <v>物 P553</v>
          </cell>
        </row>
        <row r="98">
          <cell r="C98" t="str">
            <v>コ型金物</v>
          </cell>
          <cell r="D98" t="str">
            <v>碍子金具</v>
          </cell>
          <cell r="E98" t="str">
            <v>個</v>
          </cell>
          <cell r="F98">
            <v>1</v>
          </cell>
          <cell r="G98">
            <v>670</v>
          </cell>
          <cell r="H98">
            <v>670</v>
          </cell>
          <cell r="I98" t="str">
            <v>積 P566</v>
          </cell>
        </row>
        <row r="99">
          <cell r="C99" t="str">
            <v>バインド線</v>
          </cell>
          <cell r="D99" t="str">
            <v>IV1.6φ</v>
          </cell>
          <cell r="E99" t="str">
            <v>ｍ</v>
          </cell>
          <cell r="F99">
            <v>1.8</v>
          </cell>
          <cell r="G99">
            <v>10.5</v>
          </cell>
          <cell r="H99">
            <v>18.899999999999999</v>
          </cell>
          <cell r="I99" t="str">
            <v>物 P466・積 P479</v>
          </cell>
        </row>
        <row r="100">
          <cell r="C100" t="str">
            <v>電工</v>
          </cell>
          <cell r="E100" t="str">
            <v>人</v>
          </cell>
          <cell r="F100">
            <v>0.02</v>
          </cell>
          <cell r="G100">
            <v>16700</v>
          </cell>
          <cell r="H100">
            <v>334</v>
          </cell>
          <cell r="I100" t="str">
            <v>長崎</v>
          </cell>
        </row>
        <row r="101">
          <cell r="C101" t="str">
            <v>普通作業員</v>
          </cell>
          <cell r="E101" t="str">
            <v>人</v>
          </cell>
          <cell r="F101">
            <v>0.02</v>
          </cell>
          <cell r="G101">
            <v>14000</v>
          </cell>
          <cell r="H101">
            <v>280</v>
          </cell>
          <cell r="I101" t="str">
            <v>長崎</v>
          </cell>
        </row>
        <row r="102">
          <cell r="C102" t="str">
            <v>その他</v>
          </cell>
          <cell r="D102" t="str">
            <v>（労）×１６％</v>
          </cell>
          <cell r="E102" t="str">
            <v>式</v>
          </cell>
          <cell r="F102">
            <v>1</v>
          </cell>
          <cell r="H102">
            <v>98.24</v>
          </cell>
          <cell r="I102">
            <v>614</v>
          </cell>
          <cell r="K102" t="str">
            <v>×</v>
          </cell>
          <cell r="L102">
            <v>0.16</v>
          </cell>
        </row>
        <row r="104">
          <cell r="A104">
            <v>16</v>
          </cell>
          <cell r="B104" t="str">
            <v>碍子</v>
          </cell>
          <cell r="C104" t="str">
            <v>取付</v>
          </cell>
          <cell r="D104" t="str">
            <v>低圧引留</v>
          </cell>
          <cell r="E104" t="str">
            <v>個</v>
          </cell>
          <cell r="F104">
            <v>1</v>
          </cell>
          <cell r="H104">
            <v>2219.54</v>
          </cell>
          <cell r="I104" t="str">
            <v>電通 P2-17</v>
          </cell>
        </row>
        <row r="105">
          <cell r="C105" t="str">
            <v>碍子</v>
          </cell>
          <cell r="D105" t="str">
            <v>低圧引留</v>
          </cell>
          <cell r="E105" t="str">
            <v>個</v>
          </cell>
          <cell r="F105">
            <v>1</v>
          </cell>
          <cell r="G105">
            <v>185</v>
          </cell>
          <cell r="H105">
            <v>185</v>
          </cell>
          <cell r="I105" t="str">
            <v>積 P572</v>
          </cell>
        </row>
        <row r="106">
          <cell r="C106" t="str">
            <v>ストラップ</v>
          </cell>
          <cell r="D106" t="str">
            <v>3t×38×280</v>
          </cell>
          <cell r="E106" t="str">
            <v>個</v>
          </cell>
          <cell r="F106">
            <v>2</v>
          </cell>
          <cell r="G106">
            <v>79</v>
          </cell>
          <cell r="H106">
            <v>158</v>
          </cell>
          <cell r="I106" t="str">
            <v>積 P564</v>
          </cell>
        </row>
        <row r="107">
          <cell r="C107" t="str">
            <v>ボルトナット</v>
          </cell>
          <cell r="D107" t="str">
            <v>M16×120</v>
          </cell>
          <cell r="E107" t="str">
            <v>本</v>
          </cell>
          <cell r="F107">
            <v>2</v>
          </cell>
          <cell r="G107">
            <v>166</v>
          </cell>
          <cell r="H107">
            <v>332</v>
          </cell>
          <cell r="I107" t="str">
            <v>物 P553</v>
          </cell>
        </row>
        <row r="108">
          <cell r="C108" t="str">
            <v>ステンレスボルト</v>
          </cell>
          <cell r="D108" t="str">
            <v>M16×50</v>
          </cell>
          <cell r="E108" t="str">
            <v>本</v>
          </cell>
          <cell r="F108">
            <v>1</v>
          </cell>
          <cell r="G108">
            <v>77.400000000000006</v>
          </cell>
          <cell r="H108">
            <v>77.400000000000006</v>
          </cell>
          <cell r="I108" t="str">
            <v>物 P53</v>
          </cell>
        </row>
        <row r="109">
          <cell r="C109" t="str">
            <v>ステンレスナット</v>
          </cell>
          <cell r="D109" t="str">
            <v>M16</v>
          </cell>
          <cell r="E109" t="str">
            <v>個</v>
          </cell>
          <cell r="F109">
            <v>2</v>
          </cell>
          <cell r="G109">
            <v>28.1</v>
          </cell>
          <cell r="H109">
            <v>56.2</v>
          </cell>
          <cell r="I109" t="str">
            <v>積 P53</v>
          </cell>
        </row>
        <row r="110">
          <cell r="C110" t="str">
            <v>ステンレス座金</v>
          </cell>
          <cell r="D110" t="str">
            <v>M16</v>
          </cell>
          <cell r="E110" t="str">
            <v>枚</v>
          </cell>
          <cell r="F110">
            <v>1</v>
          </cell>
          <cell r="G110">
            <v>9.8000000000000007</v>
          </cell>
          <cell r="H110">
            <v>9.8000000000000007</v>
          </cell>
          <cell r="I110" t="str">
            <v>積 P53</v>
          </cell>
        </row>
        <row r="111">
          <cell r="C111" t="str">
            <v>コ型金物</v>
          </cell>
          <cell r="D111" t="str">
            <v>碍子金具</v>
          </cell>
          <cell r="E111" t="str">
            <v>個</v>
          </cell>
          <cell r="F111">
            <v>1</v>
          </cell>
          <cell r="G111">
            <v>670</v>
          </cell>
          <cell r="H111">
            <v>670</v>
          </cell>
          <cell r="I111" t="str">
            <v>積 P566</v>
          </cell>
        </row>
        <row r="112">
          <cell r="C112" t="str">
            <v>バインド線</v>
          </cell>
          <cell r="D112" t="str">
            <v>IV1.6φ</v>
          </cell>
          <cell r="E112" t="str">
            <v>ｍ</v>
          </cell>
          <cell r="F112">
            <v>1.8</v>
          </cell>
          <cell r="G112">
            <v>10.5</v>
          </cell>
          <cell r="H112">
            <v>18.899999999999999</v>
          </cell>
          <cell r="I112" t="str">
            <v>物 P466・積 P479</v>
          </cell>
        </row>
        <row r="113">
          <cell r="C113" t="str">
            <v>電工</v>
          </cell>
          <cell r="E113" t="str">
            <v>人</v>
          </cell>
          <cell r="F113">
            <v>0.02</v>
          </cell>
          <cell r="G113">
            <v>16700</v>
          </cell>
          <cell r="H113">
            <v>334</v>
          </cell>
          <cell r="I113" t="str">
            <v>長崎</v>
          </cell>
        </row>
        <row r="114">
          <cell r="C114" t="str">
            <v>普通作業員</v>
          </cell>
          <cell r="E114" t="str">
            <v>人</v>
          </cell>
          <cell r="F114">
            <v>0.02</v>
          </cell>
          <cell r="G114">
            <v>14000</v>
          </cell>
          <cell r="H114">
            <v>280</v>
          </cell>
          <cell r="I114" t="str">
            <v>長崎</v>
          </cell>
        </row>
        <row r="115">
          <cell r="C115" t="str">
            <v>その他</v>
          </cell>
          <cell r="D115" t="str">
            <v>（労）×１６％</v>
          </cell>
          <cell r="E115" t="str">
            <v>式</v>
          </cell>
          <cell r="F115">
            <v>1</v>
          </cell>
          <cell r="H115">
            <v>98.24</v>
          </cell>
          <cell r="I115">
            <v>614</v>
          </cell>
          <cell r="K115" t="str">
            <v>×</v>
          </cell>
          <cell r="L115">
            <v>0.16</v>
          </cell>
        </row>
        <row r="117">
          <cell r="A117">
            <v>17</v>
          </cell>
          <cell r="B117" t="str">
            <v>電線管</v>
          </cell>
          <cell r="C117" t="str">
            <v>補修</v>
          </cell>
          <cell r="E117" t="str">
            <v>式</v>
          </cell>
          <cell r="F117">
            <v>1</v>
          </cell>
          <cell r="H117">
            <v>794.24</v>
          </cell>
        </row>
        <row r="118">
          <cell r="C118" t="str">
            <v>エントランスキャップ</v>
          </cell>
          <cell r="D118" t="str">
            <v>HIVE28用</v>
          </cell>
          <cell r="E118" t="str">
            <v>個</v>
          </cell>
          <cell r="F118">
            <v>1</v>
          </cell>
          <cell r="G118">
            <v>372</v>
          </cell>
          <cell r="H118">
            <v>372</v>
          </cell>
          <cell r="I118" t="str">
            <v>積 P519</v>
          </cell>
        </row>
        <row r="119">
          <cell r="C119" t="str">
            <v>特殊作業員</v>
          </cell>
          <cell r="E119" t="str">
            <v>人</v>
          </cell>
          <cell r="F119">
            <v>0.02</v>
          </cell>
          <cell r="G119">
            <v>18200</v>
          </cell>
          <cell r="H119">
            <v>364</v>
          </cell>
          <cell r="I119" t="str">
            <v>長崎</v>
          </cell>
          <cell r="X119">
            <v>255</v>
          </cell>
        </row>
        <row r="120">
          <cell r="C120" t="str">
            <v>その他</v>
          </cell>
          <cell r="D120" t="str">
            <v>（労）×１６％</v>
          </cell>
          <cell r="E120" t="str">
            <v>式</v>
          </cell>
          <cell r="F120">
            <v>1</v>
          </cell>
          <cell r="H120">
            <v>58.24</v>
          </cell>
          <cell r="I120">
            <v>364</v>
          </cell>
          <cell r="K120" t="str">
            <v>×</v>
          </cell>
          <cell r="L120">
            <v>0.16</v>
          </cell>
        </row>
        <row r="122">
          <cell r="A122">
            <v>18</v>
          </cell>
          <cell r="B122" t="str">
            <v>架線</v>
          </cell>
          <cell r="C122" t="str">
            <v>弛度調整</v>
          </cell>
          <cell r="D122" t="str">
            <v>OW5.0φ</v>
          </cell>
          <cell r="E122" t="str">
            <v>ｋｍ</v>
          </cell>
          <cell r="F122">
            <v>1</v>
          </cell>
          <cell r="H122">
            <v>141858.72</v>
          </cell>
          <cell r="I122" t="str">
            <v>電通 P2-17</v>
          </cell>
          <cell r="T122">
            <v>10</v>
          </cell>
        </row>
        <row r="123">
          <cell r="C123" t="str">
            <v>電工</v>
          </cell>
          <cell r="E123" t="str">
            <v>人</v>
          </cell>
          <cell r="F123">
            <v>5.16</v>
          </cell>
          <cell r="G123">
            <v>16700</v>
          </cell>
          <cell r="H123">
            <v>86172</v>
          </cell>
          <cell r="I123" t="str">
            <v>長崎</v>
          </cell>
          <cell r="J123">
            <v>8.6</v>
          </cell>
          <cell r="K123" t="str">
            <v>×</v>
          </cell>
          <cell r="L123">
            <v>0.6</v>
          </cell>
        </row>
        <row r="124">
          <cell r="C124" t="str">
            <v>普通作業員</v>
          </cell>
          <cell r="E124" t="str">
            <v>人</v>
          </cell>
          <cell r="F124">
            <v>2.58</v>
          </cell>
          <cell r="G124">
            <v>14000</v>
          </cell>
          <cell r="H124">
            <v>36120</v>
          </cell>
          <cell r="I124" t="str">
            <v>長崎</v>
          </cell>
          <cell r="J124">
            <v>4.3</v>
          </cell>
          <cell r="K124" t="str">
            <v>×</v>
          </cell>
          <cell r="L124">
            <v>0.6</v>
          </cell>
        </row>
        <row r="125">
          <cell r="C125" t="str">
            <v>その他</v>
          </cell>
          <cell r="D125" t="str">
            <v>（労）×１６％</v>
          </cell>
          <cell r="E125" t="str">
            <v>式</v>
          </cell>
          <cell r="F125">
            <v>1</v>
          </cell>
          <cell r="H125">
            <v>19566.72</v>
          </cell>
          <cell r="I125">
            <v>122292</v>
          </cell>
          <cell r="K125" t="str">
            <v>×</v>
          </cell>
          <cell r="L125">
            <v>0.16</v>
          </cell>
        </row>
        <row r="127">
          <cell r="A127">
            <v>19</v>
          </cell>
          <cell r="B127" t="str">
            <v>架線</v>
          </cell>
          <cell r="C127" t="str">
            <v>弛度調整</v>
          </cell>
          <cell r="D127" t="str">
            <v>OW38sq</v>
          </cell>
          <cell r="E127" t="str">
            <v>ｋｍ</v>
          </cell>
          <cell r="F127">
            <v>1</v>
          </cell>
          <cell r="H127">
            <v>184934.16</v>
          </cell>
          <cell r="I127" t="str">
            <v>電通 P2-17</v>
          </cell>
        </row>
        <row r="128">
          <cell r="C128" t="str">
            <v>電工</v>
          </cell>
          <cell r="E128" t="str">
            <v>人</v>
          </cell>
          <cell r="F128">
            <v>6.78</v>
          </cell>
          <cell r="G128">
            <v>16700</v>
          </cell>
          <cell r="H128">
            <v>113226</v>
          </cell>
          <cell r="I128" t="str">
            <v>長崎</v>
          </cell>
          <cell r="J128">
            <v>11.3</v>
          </cell>
          <cell r="K128" t="str">
            <v>×</v>
          </cell>
          <cell r="L128">
            <v>0.6</v>
          </cell>
        </row>
        <row r="129">
          <cell r="C129" t="str">
            <v>普通作業員</v>
          </cell>
          <cell r="E129" t="str">
            <v>人</v>
          </cell>
          <cell r="F129">
            <v>3.3</v>
          </cell>
          <cell r="G129">
            <v>14000</v>
          </cell>
          <cell r="H129">
            <v>46200</v>
          </cell>
          <cell r="I129" t="str">
            <v>長崎</v>
          </cell>
          <cell r="J129">
            <v>5.5</v>
          </cell>
          <cell r="K129" t="str">
            <v>×</v>
          </cell>
          <cell r="L129">
            <v>0.6</v>
          </cell>
        </row>
        <row r="130">
          <cell r="C130" t="str">
            <v>その他</v>
          </cell>
          <cell r="D130" t="str">
            <v>（労）×１６％</v>
          </cell>
          <cell r="E130" t="str">
            <v>式</v>
          </cell>
          <cell r="F130">
            <v>1</v>
          </cell>
          <cell r="H130">
            <v>25508.16</v>
          </cell>
          <cell r="I130">
            <v>159426</v>
          </cell>
          <cell r="K130" t="str">
            <v>×</v>
          </cell>
          <cell r="L130">
            <v>0.16</v>
          </cell>
        </row>
        <row r="132">
          <cell r="A132">
            <v>20</v>
          </cell>
          <cell r="B132" t="str">
            <v>機械はつり</v>
          </cell>
          <cell r="D132" t="str">
            <v>50φ×250mm</v>
          </cell>
          <cell r="E132" t="str">
            <v>箇所</v>
          </cell>
          <cell r="F132">
            <v>1</v>
          </cell>
          <cell r="H132">
            <v>8444.7999999999993</v>
          </cell>
          <cell r="I132" t="str">
            <v>建 P428</v>
          </cell>
        </row>
        <row r="133">
          <cell r="C133" t="str">
            <v>特殊作業員</v>
          </cell>
          <cell r="E133" t="str">
            <v>人</v>
          </cell>
          <cell r="F133">
            <v>0.4</v>
          </cell>
          <cell r="G133">
            <v>18200</v>
          </cell>
          <cell r="H133">
            <v>7280</v>
          </cell>
          <cell r="I133" t="str">
            <v>長崎</v>
          </cell>
        </row>
        <row r="134">
          <cell r="C134" t="str">
            <v>その他</v>
          </cell>
          <cell r="D134" t="str">
            <v>（労）×１６％</v>
          </cell>
          <cell r="E134" t="str">
            <v>式</v>
          </cell>
          <cell r="F134">
            <v>1</v>
          </cell>
          <cell r="H134">
            <v>1164.8</v>
          </cell>
          <cell r="I134">
            <v>7280</v>
          </cell>
          <cell r="K134" t="str">
            <v>×</v>
          </cell>
          <cell r="L134">
            <v>0.16</v>
          </cell>
        </row>
        <row r="140">
          <cell r="A140">
            <v>21</v>
          </cell>
          <cell r="B140" t="str">
            <v>電線</v>
          </cell>
          <cell r="C140" t="str">
            <v>取付</v>
          </cell>
          <cell r="D140" t="str">
            <v>VVR8.0sq×2C</v>
          </cell>
          <cell r="E140" t="str">
            <v>ｍ</v>
          </cell>
          <cell r="F140">
            <v>1</v>
          </cell>
          <cell r="H140">
            <v>592.23</v>
          </cell>
          <cell r="I140" t="str">
            <v>建 P206</v>
          </cell>
          <cell r="T140">
            <v>1</v>
          </cell>
        </row>
        <row r="141">
          <cell r="C141" t="str">
            <v>電線</v>
          </cell>
          <cell r="D141" t="str">
            <v>VVR8.0sq×2C</v>
          </cell>
          <cell r="E141" t="str">
            <v>ｍ</v>
          </cell>
          <cell r="F141">
            <v>1.1000000000000001</v>
          </cell>
          <cell r="G141">
            <v>127</v>
          </cell>
          <cell r="H141">
            <v>139.69999999999999</v>
          </cell>
          <cell r="I141" t="str">
            <v>積 P481</v>
          </cell>
        </row>
        <row r="142">
          <cell r="C142" t="str">
            <v>雑材料</v>
          </cell>
          <cell r="D142" t="str">
            <v>（材）×５％</v>
          </cell>
          <cell r="E142" t="str">
            <v>式</v>
          </cell>
          <cell r="F142">
            <v>1</v>
          </cell>
          <cell r="H142">
            <v>6.98</v>
          </cell>
          <cell r="I142">
            <v>139.69999999999999</v>
          </cell>
          <cell r="K142" t="str">
            <v>×</v>
          </cell>
          <cell r="L142">
            <v>0.05</v>
          </cell>
        </row>
        <row r="143">
          <cell r="C143" t="str">
            <v>電工</v>
          </cell>
          <cell r="E143" t="str">
            <v>人</v>
          </cell>
          <cell r="F143">
            <v>2.3E-2</v>
          </cell>
          <cell r="G143">
            <v>16700</v>
          </cell>
          <cell r="H143">
            <v>384.1</v>
          </cell>
          <cell r="I143" t="str">
            <v>長崎</v>
          </cell>
        </row>
        <row r="144">
          <cell r="C144" t="str">
            <v>その他</v>
          </cell>
          <cell r="D144" t="str">
            <v>（労）×１６％</v>
          </cell>
          <cell r="E144" t="str">
            <v>式</v>
          </cell>
          <cell r="F144">
            <v>1</v>
          </cell>
          <cell r="H144">
            <v>61.45</v>
          </cell>
          <cell r="I144">
            <v>384.1</v>
          </cell>
          <cell r="K144" t="str">
            <v>×</v>
          </cell>
          <cell r="L144">
            <v>0.16</v>
          </cell>
        </row>
        <row r="146">
          <cell r="A146">
            <v>22</v>
          </cell>
          <cell r="B146" t="str">
            <v>配管</v>
          </cell>
          <cell r="C146" t="str">
            <v>取付</v>
          </cell>
          <cell r="D146" t="str">
            <v>引込み</v>
          </cell>
          <cell r="E146" t="str">
            <v>式</v>
          </cell>
          <cell r="F146">
            <v>1</v>
          </cell>
          <cell r="H146">
            <v>48115.63</v>
          </cell>
          <cell r="X146">
            <v>6</v>
          </cell>
          <cell r="Y146">
            <v>21</v>
          </cell>
        </row>
        <row r="147">
          <cell r="C147" t="str">
            <v>電線管</v>
          </cell>
          <cell r="D147" t="str">
            <v>HIVE28</v>
          </cell>
          <cell r="E147" t="str">
            <v>ｍ</v>
          </cell>
          <cell r="F147">
            <v>7</v>
          </cell>
          <cell r="G147">
            <v>1738.78</v>
          </cell>
          <cell r="H147">
            <v>12171.46</v>
          </cell>
          <cell r="I147" t="str">
            <v>一位代価5</v>
          </cell>
          <cell r="Y147">
            <v>892.5</v>
          </cell>
        </row>
        <row r="148">
          <cell r="C148" t="str">
            <v>電線管</v>
          </cell>
          <cell r="D148" t="str">
            <v>VE22</v>
          </cell>
          <cell r="E148" t="str">
            <v>ｍ</v>
          </cell>
          <cell r="F148">
            <v>3</v>
          </cell>
          <cell r="G148">
            <v>1337.3899999999999</v>
          </cell>
          <cell r="H148">
            <v>4012.17</v>
          </cell>
          <cell r="I148" t="str">
            <v>一位代価7</v>
          </cell>
          <cell r="X148">
            <v>255</v>
          </cell>
        </row>
        <row r="149">
          <cell r="C149" t="str">
            <v>エントランスキャップ</v>
          </cell>
          <cell r="D149" t="str">
            <v>HIVE28用</v>
          </cell>
          <cell r="E149" t="str">
            <v>個</v>
          </cell>
          <cell r="F149">
            <v>1</v>
          </cell>
          <cell r="G149">
            <v>372</v>
          </cell>
          <cell r="H149">
            <v>372</v>
          </cell>
          <cell r="I149" t="str">
            <v>積 P519</v>
          </cell>
        </row>
        <row r="150">
          <cell r="C150" t="str">
            <v>ステンレスサドル</v>
          </cell>
          <cell r="D150" t="str">
            <v>SUS304</v>
          </cell>
          <cell r="E150" t="str">
            <v>個</v>
          </cell>
          <cell r="F150">
            <v>15</v>
          </cell>
          <cell r="G150">
            <v>1600</v>
          </cell>
          <cell r="H150">
            <v>24000</v>
          </cell>
          <cell r="I150" t="str">
            <v>市価</v>
          </cell>
        </row>
        <row r="151">
          <cell r="C151" t="str">
            <v>ホークアンカーボルト</v>
          </cell>
          <cell r="D151" t="str">
            <v>SUS304 B870</v>
          </cell>
          <cell r="E151" t="str">
            <v>個</v>
          </cell>
          <cell r="F151">
            <v>30</v>
          </cell>
          <cell r="G151">
            <v>230</v>
          </cell>
          <cell r="H151">
            <v>6900</v>
          </cell>
          <cell r="I151" t="str">
            <v>物 P45</v>
          </cell>
        </row>
        <row r="152">
          <cell r="C152" t="str">
            <v>プルボックス</v>
          </cell>
          <cell r="D152" t="str">
            <v>樹脂製 150×150×100</v>
          </cell>
          <cell r="E152" t="str">
            <v>個</v>
          </cell>
          <cell r="F152">
            <v>1</v>
          </cell>
          <cell r="G152">
            <v>660</v>
          </cell>
          <cell r="H152">
            <v>660</v>
          </cell>
          <cell r="I152" t="str">
            <v>物 P519</v>
          </cell>
        </row>
        <row r="154">
          <cell r="A154">
            <v>23</v>
          </cell>
          <cell r="B154" t="str">
            <v>架線</v>
          </cell>
          <cell r="C154" t="str">
            <v>弛度調整</v>
          </cell>
          <cell r="D154" t="str">
            <v>DV2.6φ</v>
          </cell>
          <cell r="E154" t="str">
            <v>ｋｍ</v>
          </cell>
          <cell r="F154">
            <v>1</v>
          </cell>
          <cell r="H154">
            <v>105757.2</v>
          </cell>
          <cell r="I154" t="str">
            <v>電通 P2-17</v>
          </cell>
        </row>
        <row r="155">
          <cell r="C155" t="str">
            <v>電工</v>
          </cell>
          <cell r="E155" t="str">
            <v>人</v>
          </cell>
          <cell r="F155">
            <v>3.9</v>
          </cell>
          <cell r="G155">
            <v>16700</v>
          </cell>
          <cell r="H155">
            <v>65130</v>
          </cell>
          <cell r="I155" t="str">
            <v>長崎</v>
          </cell>
          <cell r="J155">
            <v>6.5</v>
          </cell>
          <cell r="K155" t="str">
            <v>×</v>
          </cell>
          <cell r="L155">
            <v>0.6</v>
          </cell>
        </row>
        <row r="156">
          <cell r="C156" t="str">
            <v>普通作業員</v>
          </cell>
          <cell r="E156" t="str">
            <v>人</v>
          </cell>
          <cell r="F156">
            <v>1.86</v>
          </cell>
          <cell r="G156">
            <v>14000</v>
          </cell>
          <cell r="H156">
            <v>26040</v>
          </cell>
          <cell r="I156" t="str">
            <v>長崎</v>
          </cell>
          <cell r="J156">
            <v>3.1</v>
          </cell>
          <cell r="K156" t="str">
            <v>×</v>
          </cell>
          <cell r="L156">
            <v>0.6</v>
          </cell>
        </row>
        <row r="157">
          <cell r="C157" t="str">
            <v>その他</v>
          </cell>
          <cell r="D157" t="str">
            <v>（労）×１６％</v>
          </cell>
          <cell r="E157" t="str">
            <v>式</v>
          </cell>
          <cell r="F157">
            <v>1</v>
          </cell>
          <cell r="H157">
            <v>14587.2</v>
          </cell>
          <cell r="I157">
            <v>91170</v>
          </cell>
          <cell r="K157" t="str">
            <v>×</v>
          </cell>
          <cell r="L157">
            <v>0.16</v>
          </cell>
        </row>
        <row r="159">
          <cell r="A159">
            <v>24</v>
          </cell>
          <cell r="B159" t="str">
            <v>架線</v>
          </cell>
          <cell r="C159" t="str">
            <v>弛度調整</v>
          </cell>
          <cell r="D159" t="str">
            <v>OW5.0φ・DV2.6φ</v>
          </cell>
          <cell r="E159" t="str">
            <v>式</v>
          </cell>
          <cell r="F159">
            <v>1</v>
          </cell>
          <cell r="H159">
            <v>178422.79</v>
          </cell>
        </row>
        <row r="160">
          <cell r="C160" t="str">
            <v>弛度調整</v>
          </cell>
          <cell r="D160" t="str">
            <v>OW5.0φ</v>
          </cell>
          <cell r="E160" t="str">
            <v>km</v>
          </cell>
          <cell r="F160">
            <v>1.232</v>
          </cell>
          <cell r="G160">
            <v>141858.72</v>
          </cell>
          <cell r="H160">
            <v>174769.94</v>
          </cell>
          <cell r="I160" t="str">
            <v>一位代価18</v>
          </cell>
        </row>
        <row r="161">
          <cell r="C161" t="str">
            <v>弛度調整</v>
          </cell>
          <cell r="D161" t="str">
            <v>DV2.6φ</v>
          </cell>
          <cell r="E161" t="str">
            <v>km</v>
          </cell>
          <cell r="F161">
            <v>2.9000000000000001E-2</v>
          </cell>
          <cell r="G161">
            <v>105757.2</v>
          </cell>
          <cell r="H161">
            <v>3066.95</v>
          </cell>
          <cell r="I161" t="str">
            <v>一位代価23</v>
          </cell>
        </row>
        <row r="162">
          <cell r="C162" t="str">
            <v>バインド線</v>
          </cell>
          <cell r="D162" t="str">
            <v>IV1.6φ</v>
          </cell>
          <cell r="E162" t="str">
            <v>ｍ</v>
          </cell>
          <cell r="F162">
            <v>55.8</v>
          </cell>
          <cell r="G162">
            <v>10.5</v>
          </cell>
          <cell r="H162">
            <v>585.9</v>
          </cell>
          <cell r="I162" t="str">
            <v>物 P466・積 P479</v>
          </cell>
        </row>
        <row r="163">
          <cell r="A163">
            <v>25</v>
          </cell>
          <cell r="B163" t="str">
            <v>灯ろう・レンズ</v>
          </cell>
          <cell r="C163" t="str">
            <v>撤去</v>
          </cell>
          <cell r="D163" t="str">
            <v>375ｍｍ</v>
          </cell>
          <cell r="E163" t="str">
            <v>式</v>
          </cell>
          <cell r="F163">
            <v>1</v>
          </cell>
          <cell r="H163">
            <v>19861.650000000001</v>
          </cell>
          <cell r="I163" t="str">
            <v>電通 P2-29</v>
          </cell>
        </row>
        <row r="164">
          <cell r="C164" t="str">
            <v>電工</v>
          </cell>
          <cell r="E164" t="str">
            <v>人</v>
          </cell>
          <cell r="F164">
            <v>0.33</v>
          </cell>
          <cell r="G164">
            <v>16700</v>
          </cell>
          <cell r="H164">
            <v>5511</v>
          </cell>
          <cell r="I164" t="str">
            <v>長崎</v>
          </cell>
          <cell r="J164">
            <v>1.1000000000000001</v>
          </cell>
          <cell r="K164" t="str">
            <v>×</v>
          </cell>
          <cell r="L164">
            <v>0.3</v>
          </cell>
        </row>
        <row r="165">
          <cell r="C165" t="str">
            <v>普通作業員</v>
          </cell>
          <cell r="E165" t="str">
            <v>人</v>
          </cell>
          <cell r="F165">
            <v>0.84</v>
          </cell>
          <cell r="G165">
            <v>14000</v>
          </cell>
          <cell r="H165">
            <v>11760</v>
          </cell>
          <cell r="I165" t="str">
            <v>長崎</v>
          </cell>
          <cell r="J165">
            <v>2.8</v>
          </cell>
          <cell r="K165" t="str">
            <v>×</v>
          </cell>
          <cell r="L165">
            <v>0.3</v>
          </cell>
        </row>
        <row r="166">
          <cell r="C166" t="str">
            <v>その他</v>
          </cell>
          <cell r="D166" t="str">
            <v>（労）×１５％</v>
          </cell>
          <cell r="E166" t="str">
            <v>式</v>
          </cell>
          <cell r="F166">
            <v>1</v>
          </cell>
          <cell r="H166">
            <v>2590.65</v>
          </cell>
          <cell r="I166">
            <v>17271</v>
          </cell>
          <cell r="K166" t="str">
            <v>×</v>
          </cell>
          <cell r="L166">
            <v>0.15</v>
          </cell>
        </row>
        <row r="168">
          <cell r="A168">
            <v>26</v>
          </cell>
          <cell r="B168" t="str">
            <v>灯ろう台</v>
          </cell>
          <cell r="C168" t="str">
            <v>撤去</v>
          </cell>
          <cell r="D168" t="str">
            <v>375ｍｍ</v>
          </cell>
          <cell r="E168" t="str">
            <v>式</v>
          </cell>
          <cell r="F168">
            <v>1</v>
          </cell>
          <cell r="H168">
            <v>12633.9</v>
          </cell>
          <cell r="I168" t="str">
            <v>電通 P2-29</v>
          </cell>
        </row>
        <row r="169">
          <cell r="C169" t="str">
            <v>電工</v>
          </cell>
          <cell r="E169" t="str">
            <v>人</v>
          </cell>
          <cell r="F169">
            <v>0.18</v>
          </cell>
          <cell r="G169">
            <v>16700</v>
          </cell>
          <cell r="H169">
            <v>3006</v>
          </cell>
          <cell r="I169" t="str">
            <v>長崎</v>
          </cell>
          <cell r="J169">
            <v>0.6</v>
          </cell>
          <cell r="K169" t="str">
            <v>×</v>
          </cell>
          <cell r="L169">
            <v>0.3</v>
          </cell>
        </row>
        <row r="170">
          <cell r="C170" t="str">
            <v>普通作業員</v>
          </cell>
          <cell r="E170" t="str">
            <v>人</v>
          </cell>
          <cell r="F170">
            <v>0.56999999999999995</v>
          </cell>
          <cell r="G170">
            <v>14000</v>
          </cell>
          <cell r="H170">
            <v>7980</v>
          </cell>
          <cell r="I170" t="str">
            <v>長崎</v>
          </cell>
          <cell r="J170">
            <v>1.9</v>
          </cell>
          <cell r="K170" t="str">
            <v>×</v>
          </cell>
          <cell r="L170">
            <v>0.3</v>
          </cell>
        </row>
        <row r="171">
          <cell r="C171" t="str">
            <v>その他</v>
          </cell>
          <cell r="D171" t="str">
            <v>（労）×１５％</v>
          </cell>
          <cell r="E171" t="str">
            <v>式</v>
          </cell>
          <cell r="F171">
            <v>1</v>
          </cell>
          <cell r="H171">
            <v>1647.9</v>
          </cell>
          <cell r="I171">
            <v>10986</v>
          </cell>
          <cell r="K171" t="str">
            <v>×</v>
          </cell>
          <cell r="L171">
            <v>0.15</v>
          </cell>
        </row>
        <row r="173">
          <cell r="A173">
            <v>27</v>
          </cell>
          <cell r="B173" t="str">
            <v>管制器</v>
          </cell>
          <cell r="C173" t="str">
            <v>撤去</v>
          </cell>
          <cell r="D173" t="str">
            <v>LD-Ⅱ</v>
          </cell>
          <cell r="E173" t="str">
            <v>台</v>
          </cell>
          <cell r="F173">
            <v>1</v>
          </cell>
          <cell r="H173">
            <v>9904.9500000000007</v>
          </cell>
          <cell r="I173" t="str">
            <v>電通 P2-29</v>
          </cell>
        </row>
        <row r="174">
          <cell r="C174" t="str">
            <v>電工</v>
          </cell>
          <cell r="E174" t="str">
            <v>人</v>
          </cell>
          <cell r="F174">
            <v>0.39</v>
          </cell>
          <cell r="G174">
            <v>16700</v>
          </cell>
          <cell r="H174">
            <v>6513</v>
          </cell>
          <cell r="I174" t="str">
            <v>長崎</v>
          </cell>
          <cell r="J174">
            <v>1.3</v>
          </cell>
          <cell r="K174" t="str">
            <v>×</v>
          </cell>
          <cell r="L174">
            <v>0.3</v>
          </cell>
        </row>
        <row r="175">
          <cell r="C175" t="str">
            <v>普通作業員</v>
          </cell>
          <cell r="E175" t="str">
            <v>人</v>
          </cell>
          <cell r="F175">
            <v>0.15</v>
          </cell>
          <cell r="G175">
            <v>14000</v>
          </cell>
          <cell r="H175">
            <v>2100</v>
          </cell>
          <cell r="I175" t="str">
            <v>長崎</v>
          </cell>
          <cell r="J175">
            <v>0.5</v>
          </cell>
          <cell r="K175" t="str">
            <v>×</v>
          </cell>
          <cell r="L175">
            <v>0.3</v>
          </cell>
        </row>
        <row r="176">
          <cell r="C176" t="str">
            <v>その他</v>
          </cell>
          <cell r="D176" t="str">
            <v>（労）×１５％</v>
          </cell>
          <cell r="E176" t="str">
            <v>式</v>
          </cell>
          <cell r="F176">
            <v>1</v>
          </cell>
          <cell r="H176">
            <v>1291.95</v>
          </cell>
          <cell r="I176">
            <v>8613</v>
          </cell>
          <cell r="K176" t="str">
            <v>×</v>
          </cell>
          <cell r="L176">
            <v>0.15</v>
          </cell>
        </row>
        <row r="178">
          <cell r="A178">
            <v>28</v>
          </cell>
          <cell r="B178" t="str">
            <v>空気電池</v>
          </cell>
          <cell r="C178" t="str">
            <v>撤去</v>
          </cell>
          <cell r="D178" t="str">
            <v>AWZ-2000N</v>
          </cell>
          <cell r="E178" t="str">
            <v>組</v>
          </cell>
          <cell r="F178">
            <v>1</v>
          </cell>
          <cell r="H178">
            <v>5720.67</v>
          </cell>
          <cell r="I178" t="str">
            <v>電通 P2-30</v>
          </cell>
        </row>
        <row r="179">
          <cell r="C179" t="str">
            <v>電工</v>
          </cell>
          <cell r="E179" t="str">
            <v>人</v>
          </cell>
          <cell r="F179">
            <v>0.23499999999999999</v>
          </cell>
          <cell r="G179">
            <v>16700</v>
          </cell>
          <cell r="H179">
            <v>3924.5</v>
          </cell>
          <cell r="I179" t="str">
            <v>長崎</v>
          </cell>
          <cell r="J179">
            <v>0.47</v>
          </cell>
          <cell r="K179" t="str">
            <v>×</v>
          </cell>
          <cell r="L179">
            <v>0.5</v>
          </cell>
        </row>
        <row r="180">
          <cell r="C180" t="str">
            <v>普通作業員</v>
          </cell>
          <cell r="E180" t="str">
            <v>人</v>
          </cell>
          <cell r="F180">
            <v>7.4999999999999997E-2</v>
          </cell>
          <cell r="G180">
            <v>14000</v>
          </cell>
          <cell r="H180">
            <v>1050</v>
          </cell>
          <cell r="I180" t="str">
            <v>長崎</v>
          </cell>
          <cell r="J180">
            <v>0.15</v>
          </cell>
          <cell r="K180" t="str">
            <v>×</v>
          </cell>
          <cell r="L180">
            <v>0.5</v>
          </cell>
        </row>
        <row r="181">
          <cell r="C181" t="str">
            <v>その他</v>
          </cell>
          <cell r="D181" t="str">
            <v>（労）×１５％</v>
          </cell>
          <cell r="E181" t="str">
            <v>式</v>
          </cell>
          <cell r="F181">
            <v>1</v>
          </cell>
          <cell r="H181">
            <v>746.17</v>
          </cell>
          <cell r="I181">
            <v>4974.5</v>
          </cell>
          <cell r="K181" t="str">
            <v>×</v>
          </cell>
          <cell r="L181">
            <v>0.15</v>
          </cell>
        </row>
        <row r="186">
          <cell r="A186">
            <v>29</v>
          </cell>
          <cell r="B186" t="str">
            <v>灯ろう・レンズ</v>
          </cell>
          <cell r="C186" t="str">
            <v>撤去</v>
          </cell>
          <cell r="D186" t="str">
            <v>300ｍｍ</v>
          </cell>
          <cell r="E186" t="str">
            <v>式</v>
          </cell>
          <cell r="F186">
            <v>1</v>
          </cell>
          <cell r="H186">
            <v>17836.5</v>
          </cell>
          <cell r="I186" t="str">
            <v>電通 P2-29</v>
          </cell>
        </row>
        <row r="187">
          <cell r="C187" t="str">
            <v>電工</v>
          </cell>
          <cell r="E187" t="str">
            <v>人</v>
          </cell>
          <cell r="F187">
            <v>0.3</v>
          </cell>
          <cell r="G187">
            <v>16700</v>
          </cell>
          <cell r="H187">
            <v>5010</v>
          </cell>
          <cell r="I187" t="str">
            <v>長崎</v>
          </cell>
          <cell r="J187">
            <v>1</v>
          </cell>
          <cell r="K187" t="str">
            <v>×</v>
          </cell>
          <cell r="L187">
            <v>0.3</v>
          </cell>
        </row>
        <row r="188">
          <cell r="C188" t="str">
            <v>普通作業員</v>
          </cell>
          <cell r="E188" t="str">
            <v>人</v>
          </cell>
          <cell r="F188">
            <v>0.75</v>
          </cell>
          <cell r="G188">
            <v>14000</v>
          </cell>
          <cell r="H188">
            <v>10500</v>
          </cell>
          <cell r="I188" t="str">
            <v>長崎</v>
          </cell>
          <cell r="J188">
            <v>2.5</v>
          </cell>
          <cell r="K188" t="str">
            <v>×</v>
          </cell>
          <cell r="L188">
            <v>0.3</v>
          </cell>
        </row>
        <row r="189">
          <cell r="C189" t="str">
            <v>その他</v>
          </cell>
          <cell r="D189" t="str">
            <v>（労）×１５％</v>
          </cell>
          <cell r="E189" t="str">
            <v>式</v>
          </cell>
          <cell r="F189">
            <v>1</v>
          </cell>
          <cell r="H189">
            <v>2326.5</v>
          </cell>
          <cell r="I189">
            <v>15510</v>
          </cell>
          <cell r="K189" t="str">
            <v>×</v>
          </cell>
          <cell r="L189">
            <v>0.15</v>
          </cell>
        </row>
        <row r="191">
          <cell r="A191">
            <v>30</v>
          </cell>
          <cell r="B191" t="str">
            <v>灯ろう・レンズ</v>
          </cell>
          <cell r="C191" t="str">
            <v>撤去</v>
          </cell>
          <cell r="D191" t="str">
            <v>300ｍｍ</v>
          </cell>
          <cell r="E191" t="str">
            <v>式</v>
          </cell>
          <cell r="F191">
            <v>1</v>
          </cell>
          <cell r="H191">
            <v>29727.5</v>
          </cell>
          <cell r="I191" t="str">
            <v>電通 P2-29</v>
          </cell>
        </row>
        <row r="192">
          <cell r="C192" t="str">
            <v>電工</v>
          </cell>
          <cell r="E192" t="str">
            <v>人</v>
          </cell>
          <cell r="F192">
            <v>0.5</v>
          </cell>
          <cell r="G192">
            <v>16700</v>
          </cell>
          <cell r="H192">
            <v>8350</v>
          </cell>
          <cell r="I192" t="str">
            <v>長崎</v>
          </cell>
          <cell r="J192">
            <v>1</v>
          </cell>
          <cell r="K192" t="str">
            <v>×</v>
          </cell>
          <cell r="L192">
            <v>0.5</v>
          </cell>
        </row>
        <row r="193">
          <cell r="C193" t="str">
            <v>普通作業員</v>
          </cell>
          <cell r="E193" t="str">
            <v>人</v>
          </cell>
          <cell r="F193">
            <v>1.25</v>
          </cell>
          <cell r="G193">
            <v>14000</v>
          </cell>
          <cell r="H193">
            <v>17500</v>
          </cell>
          <cell r="I193" t="str">
            <v>長崎</v>
          </cell>
          <cell r="J193">
            <v>2.5</v>
          </cell>
          <cell r="K193" t="str">
            <v>×</v>
          </cell>
          <cell r="L193">
            <v>0.5</v>
          </cell>
        </row>
        <row r="194">
          <cell r="C194" t="str">
            <v>その他</v>
          </cell>
          <cell r="D194" t="str">
            <v>（労）×１５％</v>
          </cell>
          <cell r="E194" t="str">
            <v>式</v>
          </cell>
          <cell r="F194">
            <v>1</v>
          </cell>
          <cell r="H194">
            <v>3877.5</v>
          </cell>
          <cell r="I194">
            <v>25850</v>
          </cell>
          <cell r="K194" t="str">
            <v>×</v>
          </cell>
          <cell r="L194">
            <v>0.15</v>
          </cell>
        </row>
        <row r="196">
          <cell r="A196">
            <v>31</v>
          </cell>
          <cell r="B196" t="str">
            <v>灯ろう台</v>
          </cell>
          <cell r="C196" t="str">
            <v>撤去</v>
          </cell>
          <cell r="D196" t="str">
            <v>300ｍｍ</v>
          </cell>
          <cell r="E196" t="str">
            <v>個</v>
          </cell>
          <cell r="F196">
            <v>1</v>
          </cell>
          <cell r="H196">
            <v>10125.75</v>
          </cell>
          <cell r="I196" t="str">
            <v>電通 P2-29</v>
          </cell>
        </row>
        <row r="197">
          <cell r="C197" t="str">
            <v>電工</v>
          </cell>
          <cell r="E197" t="str">
            <v>人</v>
          </cell>
          <cell r="F197">
            <v>0.15</v>
          </cell>
          <cell r="G197">
            <v>16700</v>
          </cell>
          <cell r="H197">
            <v>2505</v>
          </cell>
          <cell r="I197" t="str">
            <v>長崎</v>
          </cell>
          <cell r="J197">
            <v>0.5</v>
          </cell>
          <cell r="K197" t="str">
            <v>×</v>
          </cell>
          <cell r="L197">
            <v>0.3</v>
          </cell>
        </row>
        <row r="198">
          <cell r="C198" t="str">
            <v>普通作業員</v>
          </cell>
          <cell r="E198" t="str">
            <v>人</v>
          </cell>
          <cell r="F198">
            <v>0.45</v>
          </cell>
          <cell r="G198">
            <v>14000</v>
          </cell>
          <cell r="H198">
            <v>6300</v>
          </cell>
          <cell r="I198" t="str">
            <v>長崎</v>
          </cell>
          <cell r="J198">
            <v>1.5</v>
          </cell>
          <cell r="K198" t="str">
            <v>×</v>
          </cell>
          <cell r="L198">
            <v>0.3</v>
          </cell>
        </row>
        <row r="199">
          <cell r="C199" t="str">
            <v>その他</v>
          </cell>
          <cell r="D199" t="str">
            <v>（労）×１５％</v>
          </cell>
          <cell r="E199" t="str">
            <v>式</v>
          </cell>
          <cell r="F199">
            <v>1</v>
          </cell>
          <cell r="H199">
            <v>1320.75</v>
          </cell>
          <cell r="I199">
            <v>8805</v>
          </cell>
          <cell r="K199" t="str">
            <v>×</v>
          </cell>
          <cell r="L199">
            <v>0.15</v>
          </cell>
        </row>
        <row r="201">
          <cell r="A201">
            <v>32</v>
          </cell>
          <cell r="B201" t="str">
            <v>電線管</v>
          </cell>
          <cell r="C201" t="str">
            <v>撤去</v>
          </cell>
          <cell r="D201" t="str">
            <v>VE16</v>
          </cell>
          <cell r="E201" t="str">
            <v>ｍ</v>
          </cell>
          <cell r="F201">
            <v>1</v>
          </cell>
          <cell r="H201">
            <v>192.05</v>
          </cell>
          <cell r="I201" t="str">
            <v>建 P578</v>
          </cell>
        </row>
        <row r="202">
          <cell r="C202" t="str">
            <v>電工</v>
          </cell>
          <cell r="E202" t="str">
            <v>人</v>
          </cell>
          <cell r="F202">
            <v>0.01</v>
          </cell>
          <cell r="G202">
            <v>16700</v>
          </cell>
          <cell r="H202">
            <v>167</v>
          </cell>
          <cell r="I202" t="str">
            <v>長崎</v>
          </cell>
          <cell r="J202">
            <v>4.3999999999999997E-2</v>
          </cell>
          <cell r="K202" t="str">
            <v>×</v>
          </cell>
          <cell r="L202">
            <v>1.2</v>
          </cell>
          <cell r="M202" t="str">
            <v>×</v>
          </cell>
          <cell r="N202">
            <v>0.2</v>
          </cell>
        </row>
        <row r="203">
          <cell r="C203" t="str">
            <v>その他</v>
          </cell>
          <cell r="D203" t="str">
            <v>（労）×１５％</v>
          </cell>
          <cell r="E203" t="str">
            <v>式</v>
          </cell>
          <cell r="F203">
            <v>1</v>
          </cell>
          <cell r="H203">
            <v>25.05</v>
          </cell>
          <cell r="I203">
            <v>167</v>
          </cell>
          <cell r="K203" t="str">
            <v>×</v>
          </cell>
          <cell r="L203">
            <v>0.15</v>
          </cell>
        </row>
        <row r="205">
          <cell r="A205">
            <v>33</v>
          </cell>
          <cell r="B205" t="str">
            <v>電線</v>
          </cell>
          <cell r="C205" t="str">
            <v>撤去</v>
          </cell>
          <cell r="D205" t="str">
            <v>2RNCT5.5sq×2C</v>
          </cell>
          <cell r="E205" t="str">
            <v>ｍ</v>
          </cell>
          <cell r="F205">
            <v>1</v>
          </cell>
          <cell r="H205">
            <v>76.819999999999993</v>
          </cell>
          <cell r="I205" t="str">
            <v>建 P206</v>
          </cell>
        </row>
        <row r="206">
          <cell r="C206" t="str">
            <v>電工</v>
          </cell>
          <cell r="E206" t="str">
            <v>人</v>
          </cell>
          <cell r="F206">
            <v>4.0000000000000001E-3</v>
          </cell>
          <cell r="G206">
            <v>16700</v>
          </cell>
          <cell r="H206">
            <v>66.8</v>
          </cell>
          <cell r="I206" t="str">
            <v>長崎</v>
          </cell>
          <cell r="J206">
            <v>2.1000000000000001E-2</v>
          </cell>
          <cell r="K206" t="str">
            <v>×</v>
          </cell>
          <cell r="L206">
            <v>0.2</v>
          </cell>
        </row>
        <row r="207">
          <cell r="C207" t="str">
            <v>その他</v>
          </cell>
          <cell r="D207" t="str">
            <v>（労）×１５％</v>
          </cell>
          <cell r="E207" t="str">
            <v>式</v>
          </cell>
          <cell r="F207">
            <v>1</v>
          </cell>
          <cell r="H207">
            <v>10.02</v>
          </cell>
          <cell r="I207">
            <v>66.8</v>
          </cell>
          <cell r="K207" t="str">
            <v>×</v>
          </cell>
          <cell r="L207">
            <v>0.15</v>
          </cell>
        </row>
        <row r="209">
          <cell r="A209">
            <v>34</v>
          </cell>
          <cell r="B209" t="str">
            <v>電線</v>
          </cell>
          <cell r="C209" t="str">
            <v>撤去</v>
          </cell>
          <cell r="D209" t="str">
            <v>VSRF2.0sq×2C</v>
          </cell>
          <cell r="E209" t="str">
            <v>ｍ</v>
          </cell>
          <cell r="F209">
            <v>1</v>
          </cell>
          <cell r="H209">
            <v>38.409999999999997</v>
          </cell>
          <cell r="I209" t="str">
            <v>建 P206</v>
          </cell>
        </row>
        <row r="210">
          <cell r="C210" t="str">
            <v>電工</v>
          </cell>
          <cell r="E210" t="str">
            <v>人</v>
          </cell>
          <cell r="F210">
            <v>2E-3</v>
          </cell>
          <cell r="G210">
            <v>16700</v>
          </cell>
          <cell r="H210">
            <v>33.4</v>
          </cell>
          <cell r="I210" t="str">
            <v>長崎</v>
          </cell>
          <cell r="J210">
            <v>1.2999999999999999E-2</v>
          </cell>
          <cell r="K210" t="str">
            <v>×</v>
          </cell>
          <cell r="L210">
            <v>0.2</v>
          </cell>
        </row>
        <row r="211">
          <cell r="C211" t="str">
            <v>その他</v>
          </cell>
          <cell r="D211" t="str">
            <v>（労）×１５％</v>
          </cell>
          <cell r="E211" t="str">
            <v>式</v>
          </cell>
          <cell r="F211">
            <v>1</v>
          </cell>
          <cell r="H211">
            <v>5.01</v>
          </cell>
          <cell r="I211">
            <v>33.4</v>
          </cell>
          <cell r="K211" t="str">
            <v>×</v>
          </cell>
          <cell r="L211">
            <v>0.15</v>
          </cell>
        </row>
        <row r="213">
          <cell r="A213">
            <v>35</v>
          </cell>
          <cell r="B213" t="str">
            <v>電線管</v>
          </cell>
          <cell r="C213" t="str">
            <v>撤去</v>
          </cell>
          <cell r="D213" t="str">
            <v>VE22</v>
          </cell>
          <cell r="E213" t="str">
            <v>ｍ</v>
          </cell>
          <cell r="F213">
            <v>1</v>
          </cell>
          <cell r="H213">
            <v>230.46</v>
          </cell>
          <cell r="I213" t="str">
            <v>建 P578</v>
          </cell>
        </row>
        <row r="214">
          <cell r="C214" t="str">
            <v>電工</v>
          </cell>
          <cell r="E214" t="str">
            <v>人</v>
          </cell>
          <cell r="F214">
            <v>1.2E-2</v>
          </cell>
          <cell r="G214">
            <v>16700</v>
          </cell>
          <cell r="H214">
            <v>200.4</v>
          </cell>
          <cell r="I214" t="str">
            <v>長崎</v>
          </cell>
          <cell r="J214">
            <v>5.3999999999999999E-2</v>
          </cell>
          <cell r="K214" t="str">
            <v>×</v>
          </cell>
          <cell r="L214">
            <v>1.2</v>
          </cell>
          <cell r="M214" t="str">
            <v>×</v>
          </cell>
          <cell r="N214">
            <v>0.2</v>
          </cell>
        </row>
        <row r="215">
          <cell r="C215" t="str">
            <v>その他</v>
          </cell>
          <cell r="D215" t="str">
            <v>（労）×１５％</v>
          </cell>
          <cell r="E215" t="str">
            <v>式</v>
          </cell>
          <cell r="F215">
            <v>1</v>
          </cell>
          <cell r="H215">
            <v>30.06</v>
          </cell>
          <cell r="I215">
            <v>200.4</v>
          </cell>
          <cell r="K215" t="str">
            <v>×</v>
          </cell>
          <cell r="L215">
            <v>0.15</v>
          </cell>
        </row>
        <row r="217">
          <cell r="A217">
            <v>36</v>
          </cell>
          <cell r="B217" t="str">
            <v>電線</v>
          </cell>
          <cell r="C217" t="str">
            <v>撤去</v>
          </cell>
          <cell r="D217" t="str">
            <v>VVR8.0sq×2C</v>
          </cell>
          <cell r="E217" t="str">
            <v>ｍ</v>
          </cell>
          <cell r="F217">
            <v>1</v>
          </cell>
          <cell r="H217">
            <v>76.819999999999993</v>
          </cell>
          <cell r="I217" t="str">
            <v>建 P206</v>
          </cell>
        </row>
        <row r="218">
          <cell r="C218" t="str">
            <v>電工</v>
          </cell>
          <cell r="E218" t="str">
            <v>人</v>
          </cell>
          <cell r="F218">
            <v>4.0000000000000001E-3</v>
          </cell>
          <cell r="G218">
            <v>16700</v>
          </cell>
          <cell r="H218">
            <v>66.8</v>
          </cell>
          <cell r="I218" t="str">
            <v>長崎</v>
          </cell>
          <cell r="J218">
            <v>2.3E-2</v>
          </cell>
          <cell r="K218" t="str">
            <v>×</v>
          </cell>
          <cell r="L218">
            <v>0.2</v>
          </cell>
        </row>
        <row r="219">
          <cell r="C219" t="str">
            <v>その他</v>
          </cell>
          <cell r="D219" t="str">
            <v>（労）×１５％</v>
          </cell>
          <cell r="E219" t="str">
            <v>式</v>
          </cell>
          <cell r="F219">
            <v>1</v>
          </cell>
          <cell r="H219">
            <v>10.02</v>
          </cell>
          <cell r="I219">
            <v>66.8</v>
          </cell>
          <cell r="K219" t="str">
            <v>×</v>
          </cell>
          <cell r="L219">
            <v>0.15</v>
          </cell>
        </row>
        <row r="221">
          <cell r="A221">
            <v>37</v>
          </cell>
          <cell r="B221" t="str">
            <v>碍子</v>
          </cell>
          <cell r="C221" t="str">
            <v>撤去</v>
          </cell>
          <cell r="D221" t="str">
            <v>低圧引留</v>
          </cell>
          <cell r="E221" t="str">
            <v>個</v>
          </cell>
          <cell r="F221">
            <v>1</v>
          </cell>
          <cell r="H221">
            <v>564.88</v>
          </cell>
          <cell r="I221" t="str">
            <v>電通 P2-17</v>
          </cell>
        </row>
        <row r="222">
          <cell r="C222" t="str">
            <v>電工</v>
          </cell>
          <cell r="E222" t="str">
            <v>人</v>
          </cell>
          <cell r="F222">
            <v>1.6E-2</v>
          </cell>
          <cell r="G222">
            <v>16700</v>
          </cell>
          <cell r="H222">
            <v>267.2</v>
          </cell>
          <cell r="I222" t="str">
            <v>長崎</v>
          </cell>
          <cell r="J222">
            <v>0.02</v>
          </cell>
          <cell r="K222" t="str">
            <v>×</v>
          </cell>
          <cell r="L222">
            <v>0.8</v>
          </cell>
        </row>
        <row r="223">
          <cell r="C223" t="str">
            <v>普通作業員</v>
          </cell>
          <cell r="E223" t="str">
            <v>人</v>
          </cell>
          <cell r="F223">
            <v>1.6E-2</v>
          </cell>
          <cell r="G223">
            <v>14000</v>
          </cell>
          <cell r="H223">
            <v>224</v>
          </cell>
          <cell r="I223" t="str">
            <v>長崎</v>
          </cell>
          <cell r="J223">
            <v>0.02</v>
          </cell>
          <cell r="K223" t="str">
            <v>×</v>
          </cell>
          <cell r="L223">
            <v>0.8</v>
          </cell>
        </row>
        <row r="224">
          <cell r="C224" t="str">
            <v>その他</v>
          </cell>
          <cell r="D224" t="str">
            <v>（労）×１５％</v>
          </cell>
          <cell r="E224" t="str">
            <v>式</v>
          </cell>
          <cell r="F224">
            <v>1</v>
          </cell>
          <cell r="H224">
            <v>73.680000000000007</v>
          </cell>
          <cell r="I224">
            <v>491.2</v>
          </cell>
          <cell r="K224" t="str">
            <v>×</v>
          </cell>
          <cell r="L224">
            <v>0.15</v>
          </cell>
        </row>
        <row r="226">
          <cell r="A226">
            <v>38</v>
          </cell>
          <cell r="B226" t="str">
            <v>ライトバン</v>
          </cell>
          <cell r="C226" t="str">
            <v>2000CC 94ps</v>
          </cell>
          <cell r="E226" t="str">
            <v>日</v>
          </cell>
          <cell r="F226">
            <v>1</v>
          </cell>
          <cell r="H226">
            <v>3767.13</v>
          </cell>
          <cell r="I226" t="str">
            <v>単 P53</v>
          </cell>
        </row>
        <row r="227">
          <cell r="C227" t="str">
            <v>主燃料</v>
          </cell>
          <cell r="D227" t="str">
            <v>ガソリン</v>
          </cell>
          <cell r="E227" t="str">
            <v>㍑</v>
          </cell>
          <cell r="F227">
            <v>3.5</v>
          </cell>
          <cell r="G227">
            <v>100</v>
          </cell>
          <cell r="H227">
            <v>350</v>
          </cell>
          <cell r="I227" t="str">
            <v>県Ⅰ-1（長崎）・（大瀬戸）</v>
          </cell>
        </row>
        <row r="228">
          <cell r="C228" t="str">
            <v>一般運転手</v>
          </cell>
          <cell r="E228" t="str">
            <v>人</v>
          </cell>
          <cell r="F228">
            <v>0.125</v>
          </cell>
          <cell r="G228">
            <v>16900</v>
          </cell>
          <cell r="H228">
            <v>2112.5</v>
          </cell>
          <cell r="I228" t="str">
            <v>長崎</v>
          </cell>
        </row>
        <row r="229">
          <cell r="C229" t="str">
            <v>損料</v>
          </cell>
          <cell r="D229" t="str">
            <v>運転</v>
          </cell>
          <cell r="E229" t="str">
            <v>時間</v>
          </cell>
          <cell r="F229">
            <v>1</v>
          </cell>
          <cell r="G229">
            <v>230</v>
          </cell>
          <cell r="H229">
            <v>230</v>
          </cell>
          <cell r="I229" t="str">
            <v>損機178</v>
          </cell>
        </row>
        <row r="230">
          <cell r="C230" t="str">
            <v>損料</v>
          </cell>
          <cell r="D230" t="str">
            <v>供用</v>
          </cell>
          <cell r="E230" t="str">
            <v>日</v>
          </cell>
          <cell r="F230">
            <v>1.1299999999999999</v>
          </cell>
          <cell r="G230">
            <v>951</v>
          </cell>
          <cell r="H230">
            <v>1074.6300000000001</v>
          </cell>
          <cell r="I230" t="str">
            <v>損機178</v>
          </cell>
        </row>
        <row r="232">
          <cell r="A232">
            <v>39</v>
          </cell>
          <cell r="B232" t="str">
            <v>交通船</v>
          </cell>
          <cell r="C232" t="str">
            <v>鋼D 50PS 4.9t</v>
          </cell>
          <cell r="E232" t="str">
            <v>日</v>
          </cell>
          <cell r="F232">
            <v>1</v>
          </cell>
          <cell r="H232">
            <v>63539.5</v>
          </cell>
          <cell r="I232" t="str">
            <v>単 P50</v>
          </cell>
        </row>
        <row r="233">
          <cell r="C233" t="str">
            <v>主燃料</v>
          </cell>
          <cell r="D233" t="str">
            <v>重油A</v>
          </cell>
          <cell r="E233" t="str">
            <v>㍑</v>
          </cell>
          <cell r="F233">
            <v>45</v>
          </cell>
          <cell r="G233">
            <v>32</v>
          </cell>
          <cell r="H233">
            <v>1440</v>
          </cell>
          <cell r="I233" t="str">
            <v>県Ⅰ-1（長崎）</v>
          </cell>
        </row>
        <row r="234">
          <cell r="C234" t="str">
            <v>高級船員</v>
          </cell>
          <cell r="E234" t="str">
            <v>人</v>
          </cell>
          <cell r="F234">
            <v>1.2</v>
          </cell>
          <cell r="G234">
            <v>26200</v>
          </cell>
          <cell r="H234">
            <v>31440</v>
          </cell>
          <cell r="I234" t="str">
            <v>長崎</v>
          </cell>
          <cell r="K234" t="str">
            <v>β＝1.2</v>
          </cell>
        </row>
        <row r="235">
          <cell r="C235" t="str">
            <v>普通船員</v>
          </cell>
          <cell r="E235" t="str">
            <v>人</v>
          </cell>
          <cell r="F235">
            <v>1.2</v>
          </cell>
          <cell r="G235">
            <v>19100</v>
          </cell>
          <cell r="H235">
            <v>22920</v>
          </cell>
          <cell r="I235" t="str">
            <v>長崎</v>
          </cell>
          <cell r="K235" t="str">
            <v>β＝1.2</v>
          </cell>
        </row>
        <row r="236">
          <cell r="C236" t="str">
            <v>損料</v>
          </cell>
          <cell r="D236" t="str">
            <v>運転</v>
          </cell>
          <cell r="E236" t="str">
            <v>日</v>
          </cell>
          <cell r="F236">
            <v>1</v>
          </cell>
          <cell r="G236">
            <v>2740</v>
          </cell>
          <cell r="H236">
            <v>2740</v>
          </cell>
          <cell r="I236" t="str">
            <v>損船13</v>
          </cell>
        </row>
        <row r="237">
          <cell r="C237" t="str">
            <v>損料</v>
          </cell>
          <cell r="D237" t="str">
            <v>供用</v>
          </cell>
          <cell r="E237" t="str">
            <v>日</v>
          </cell>
          <cell r="F237">
            <v>1.65</v>
          </cell>
          <cell r="G237">
            <v>3030</v>
          </cell>
          <cell r="H237">
            <v>4999.5</v>
          </cell>
          <cell r="I237" t="str">
            <v>損船13</v>
          </cell>
          <cell r="K237" t="str">
            <v>α＝1.65</v>
          </cell>
        </row>
        <row r="239">
          <cell r="A239">
            <v>40</v>
          </cell>
          <cell r="B239" t="str">
            <v>交通船</v>
          </cell>
          <cell r="C239" t="str">
            <v>船外機船</v>
          </cell>
          <cell r="E239" t="str">
            <v>日</v>
          </cell>
          <cell r="F239">
            <v>1</v>
          </cell>
          <cell r="H239">
            <v>28270.05</v>
          </cell>
          <cell r="I239" t="str">
            <v>単 P51</v>
          </cell>
        </row>
        <row r="240">
          <cell r="C240" t="str">
            <v>主燃料</v>
          </cell>
          <cell r="D240" t="str">
            <v>ガソリン</v>
          </cell>
          <cell r="E240" t="str">
            <v>㍑</v>
          </cell>
          <cell r="F240">
            <v>38</v>
          </cell>
          <cell r="G240">
            <v>100</v>
          </cell>
          <cell r="H240">
            <v>3800</v>
          </cell>
          <cell r="I240" t="str">
            <v>県Ⅰ-1（長崎）</v>
          </cell>
        </row>
        <row r="241">
          <cell r="C241" t="str">
            <v>普通船員</v>
          </cell>
          <cell r="E241" t="str">
            <v>人</v>
          </cell>
          <cell r="F241">
            <v>1.2</v>
          </cell>
          <cell r="G241">
            <v>19100</v>
          </cell>
          <cell r="H241">
            <v>22920</v>
          </cell>
          <cell r="I241" t="str">
            <v>長崎</v>
          </cell>
          <cell r="K241" t="str">
            <v>β＝1.2</v>
          </cell>
        </row>
        <row r="242">
          <cell r="C242" t="str">
            <v>損料</v>
          </cell>
          <cell r="D242" t="str">
            <v>運転</v>
          </cell>
          <cell r="E242" t="str">
            <v>日</v>
          </cell>
          <cell r="F242">
            <v>1</v>
          </cell>
          <cell r="G242">
            <v>466</v>
          </cell>
          <cell r="H242">
            <v>466</v>
          </cell>
          <cell r="I242" t="str">
            <v>損運3</v>
          </cell>
        </row>
        <row r="243">
          <cell r="C243" t="str">
            <v>損料</v>
          </cell>
          <cell r="D243" t="str">
            <v>供用</v>
          </cell>
          <cell r="E243" t="str">
            <v>日</v>
          </cell>
          <cell r="F243">
            <v>1.65</v>
          </cell>
          <cell r="G243">
            <v>657</v>
          </cell>
          <cell r="H243">
            <v>1084.05</v>
          </cell>
          <cell r="I243" t="str">
            <v>損運3</v>
          </cell>
          <cell r="K243" t="str">
            <v>α＝1.65</v>
          </cell>
        </row>
        <row r="245">
          <cell r="A245">
            <v>41</v>
          </cell>
          <cell r="B245" t="str">
            <v>交通船</v>
          </cell>
          <cell r="C245" t="str">
            <v>船外機船</v>
          </cell>
          <cell r="E245" t="str">
            <v>日</v>
          </cell>
          <cell r="F245">
            <v>1</v>
          </cell>
          <cell r="H245">
            <v>30278.6</v>
          </cell>
          <cell r="I245" t="str">
            <v>単 P51</v>
          </cell>
          <cell r="K245" t="str">
            <v>長崎港</v>
          </cell>
        </row>
        <row r="246">
          <cell r="C246" t="str">
            <v>主燃料</v>
          </cell>
          <cell r="D246" t="str">
            <v>ガソリン</v>
          </cell>
          <cell r="E246" t="str">
            <v>㍑</v>
          </cell>
          <cell r="F246">
            <v>38</v>
          </cell>
          <cell r="G246">
            <v>100</v>
          </cell>
          <cell r="H246">
            <v>3800</v>
          </cell>
          <cell r="I246" t="str">
            <v>県Ⅰ-1（長崎）</v>
          </cell>
        </row>
        <row r="247">
          <cell r="C247" t="str">
            <v>普通船員</v>
          </cell>
          <cell r="E247" t="str">
            <v>人</v>
          </cell>
          <cell r="F247">
            <v>1.3</v>
          </cell>
          <cell r="G247">
            <v>19100</v>
          </cell>
          <cell r="H247">
            <v>24830</v>
          </cell>
          <cell r="I247" t="str">
            <v>長崎</v>
          </cell>
          <cell r="K247" t="str">
            <v>β＝1.3</v>
          </cell>
        </row>
        <row r="248">
          <cell r="C248" t="str">
            <v>損料</v>
          </cell>
          <cell r="D248" t="str">
            <v>運転</v>
          </cell>
          <cell r="E248" t="str">
            <v>日</v>
          </cell>
          <cell r="F248">
            <v>1</v>
          </cell>
          <cell r="G248">
            <v>466</v>
          </cell>
          <cell r="H248">
            <v>466</v>
          </cell>
          <cell r="I248" t="str">
            <v>損運3</v>
          </cell>
        </row>
        <row r="249">
          <cell r="C249" t="str">
            <v>損料</v>
          </cell>
          <cell r="D249" t="str">
            <v>供用</v>
          </cell>
          <cell r="E249" t="str">
            <v>日</v>
          </cell>
          <cell r="F249">
            <v>1.8</v>
          </cell>
          <cell r="G249">
            <v>657</v>
          </cell>
          <cell r="H249">
            <v>1182.5999999999999</v>
          </cell>
          <cell r="I249" t="str">
            <v>損運3</v>
          </cell>
          <cell r="K249" t="str">
            <v>α＝1.8</v>
          </cell>
        </row>
        <row r="251">
          <cell r="A251">
            <v>42</v>
          </cell>
          <cell r="B251" t="str">
            <v>産廃処理費</v>
          </cell>
          <cell r="C251" t="str">
            <v>廃棄機器</v>
          </cell>
          <cell r="E251" t="str">
            <v>㎏</v>
          </cell>
          <cell r="F251">
            <v>1</v>
          </cell>
          <cell r="H251">
            <v>20</v>
          </cell>
        </row>
        <row r="252">
          <cell r="C252" t="str">
            <v>産廃処理費</v>
          </cell>
          <cell r="D252" t="str">
            <v>廃棄機器</v>
          </cell>
          <cell r="E252" t="str">
            <v>㎏</v>
          </cell>
          <cell r="F252">
            <v>1</v>
          </cell>
          <cell r="G252">
            <v>20</v>
          </cell>
          <cell r="H252">
            <v>20</v>
          </cell>
          <cell r="I252" t="str">
            <v>市価</v>
          </cell>
        </row>
        <row r="255">
          <cell r="A255">
            <v>43</v>
          </cell>
          <cell r="B255" t="str">
            <v>廃材運搬</v>
          </cell>
          <cell r="C255" t="str">
            <v>　</v>
          </cell>
          <cell r="D255" t="str">
            <v>　</v>
          </cell>
          <cell r="E255" t="str">
            <v>式</v>
          </cell>
          <cell r="F255">
            <v>1</v>
          </cell>
          <cell r="H255">
            <v>3800</v>
          </cell>
        </row>
        <row r="256">
          <cell r="C256" t="str">
            <v>トラック</v>
          </cell>
          <cell r="D256" t="str">
            <v>１t車、10km以内</v>
          </cell>
          <cell r="E256" t="str">
            <v>台</v>
          </cell>
          <cell r="F256">
            <v>1</v>
          </cell>
          <cell r="G256">
            <v>3800</v>
          </cell>
          <cell r="H256">
            <v>3800</v>
          </cell>
          <cell r="I256" t="str">
            <v>物 P853・積 P794九州　端数処理（3,770円）</v>
          </cell>
        </row>
        <row r="258">
          <cell r="A258">
            <v>44</v>
          </cell>
          <cell r="B258" t="str">
            <v>小車運搬</v>
          </cell>
          <cell r="C258" t="str">
            <v>距離100ｍ・二次製品</v>
          </cell>
          <cell r="D258" t="str">
            <v>空気電池(AWZ-2000)</v>
          </cell>
          <cell r="E258" t="str">
            <v>ｔ</v>
          </cell>
          <cell r="F258">
            <v>1</v>
          </cell>
          <cell r="H258">
            <v>2898</v>
          </cell>
          <cell r="I258" t="str">
            <v>建築 P4-13</v>
          </cell>
        </row>
        <row r="259">
          <cell r="C259" t="str">
            <v>普通作業員</v>
          </cell>
          <cell r="E259" t="str">
            <v>人</v>
          </cell>
          <cell r="F259">
            <v>0.18</v>
          </cell>
          <cell r="G259">
            <v>14000</v>
          </cell>
          <cell r="H259">
            <v>2520</v>
          </cell>
          <cell r="I259" t="str">
            <v>長崎</v>
          </cell>
        </row>
        <row r="260">
          <cell r="C260" t="str">
            <v>その他</v>
          </cell>
          <cell r="D260" t="str">
            <v>（労）×１５％</v>
          </cell>
          <cell r="E260" t="str">
            <v>式</v>
          </cell>
          <cell r="F260">
            <v>1</v>
          </cell>
          <cell r="H260">
            <v>378</v>
          </cell>
          <cell r="I260">
            <v>2520</v>
          </cell>
          <cell r="K260" t="str">
            <v>×</v>
          </cell>
          <cell r="L260">
            <v>0.15</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新規Microsoft Excel ワークシート"/>
      <sheetName val="本管土工"/>
      <sheetName val="１号ＭＨ"/>
      <sheetName val="汚水枡材料"/>
      <sheetName val="仮復旧"/>
      <sheetName val="#REF"/>
      <sheetName val="M見積表"/>
      <sheetName val="代価表"/>
      <sheetName val="単価一覧表 "/>
      <sheetName val="試運転費"/>
      <sheetName val="共通仮設費"/>
      <sheetName val="一般管理費"/>
      <sheetName val="補助材料"/>
      <sheetName val="内訳書 "/>
    </sheetNames>
    <definedNames>
      <definedName name="ピクチャ5_Click"/>
    </defined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役務費あ"/>
      <sheetName val="共通仮設費あ"/>
      <sheetName val="補材水光仮設率あ"/>
      <sheetName val="水光役務工期あ"/>
      <sheetName val="仮設費あ"/>
      <sheetName val="特別経費あ"/>
      <sheetName val="総合試運転あ"/>
      <sheetName val="機械経費あ"/>
      <sheetName val="水道光熱あ"/>
      <sheetName val="複合工あ"/>
      <sheetName val="技術労務費あ"/>
      <sheetName val="一般労務費あ"/>
      <sheetName val="補助材料あ"/>
      <sheetName val="鋼製品類あ"/>
      <sheetName val="小配管弁類あ"/>
      <sheetName val="鋼管弁類あ"/>
      <sheetName val="小口鋳鉄算あ"/>
      <sheetName val="鋳鉄管弁類あ"/>
      <sheetName val="直接材料あ"/>
      <sheetName val="輸送費計算書あ"/>
      <sheetName val="輸送費計算あ"/>
      <sheetName val="輸送費あ"/>
      <sheetName val="機器費あ"/>
      <sheetName val="内訳甲乙あ"/>
      <sheetName val="表紙あ"/>
      <sheetName val="入力"/>
      <sheetName val="入力内訳"/>
      <sheetName val="入力直接工事"/>
      <sheetName val="入力試運転"/>
      <sheetName val="入力共通仮設"/>
      <sheetName val="入力一般管理"/>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sheetData sheetId="26" refreshError="1"/>
      <sheetData sheetId="27" refreshError="1"/>
      <sheetData sheetId="28" refreshError="1"/>
      <sheetData sheetId="29" refreshError="1"/>
      <sheetData sheetId="30"/>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総括)"/>
      <sheetName val="内訳 "/>
      <sheetName val="代価 表"/>
      <sheetName val="単価表"/>
      <sheetName val="除見比較 （設計用）"/>
      <sheetName val="見積査定率根拠 (2)"/>
      <sheetName val="労務集計"/>
      <sheetName val="据付工"/>
      <sheetName val="複合工"/>
      <sheetName val="し渣吊上機基礎(1)"/>
      <sheetName val="し渣吊上機基礎(2)"/>
      <sheetName val="除塵機基礎(2)"/>
      <sheetName val="し渣搬出機基礎(3)"/>
      <sheetName val="点検歩廊基礎(4)"/>
      <sheetName val="歩廊階段基礎(5)"/>
      <sheetName val="点検歩廊(6)"/>
      <sheetName val="塗装(7)"/>
      <sheetName val="Sheet8"/>
      <sheetName val="Sheet9"/>
      <sheetName val="Sheet10"/>
      <sheetName val="Sheet11"/>
      <sheetName val="Sheet12"/>
      <sheetName val="Sheet13"/>
      <sheetName val="Sheet14"/>
      <sheetName val="Sheet15"/>
      <sheetName val="Sheet16"/>
    </sheetNames>
    <sheetDataSet>
      <sheetData sheetId="0"/>
      <sheetData sheetId="1" refreshError="1"/>
      <sheetData sheetId="2" refreshError="1"/>
      <sheetData sheetId="3" refreshError="1"/>
      <sheetData sheetId="4"/>
      <sheetData sheetId="5" refreshError="1"/>
      <sheetData sheetId="6" refreshError="1"/>
      <sheetData sheetId="7"/>
      <sheetData sheetId="8"/>
      <sheetData sheetId="9"/>
      <sheetData sheetId="10"/>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経費"/>
      <sheetName val="内訳"/>
      <sheetName val="屋外給水"/>
      <sheetName val="外給)代価"/>
      <sheetName val="屋内給水"/>
      <sheetName val="内給)代価"/>
      <sheetName val="屋外排水"/>
      <sheetName val="外排)代価"/>
      <sheetName val="屋内排水"/>
      <sheetName val="衛生"/>
      <sheetName val="衛)代価"/>
      <sheetName val="雨水"/>
      <sheetName val="雨)代価"/>
      <sheetName val="ｶﾞｽ"/>
      <sheetName val="空調"/>
      <sheetName val="空調代価"/>
      <sheetName val="換気"/>
      <sheetName val="換気代価"/>
      <sheetName val="代価表 "/>
      <sheetName val="見比衛生"/>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書１"/>
      <sheetName val="土工"/>
      <sheetName val="切盛"/>
      <sheetName val="床集"/>
      <sheetName val="床堀"/>
      <sheetName val="法面整形"/>
      <sheetName val="法面工"/>
      <sheetName val="法面"/>
      <sheetName val="舗装工"/>
      <sheetName val="舗装"/>
      <sheetName val="集計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数量・１"/>
      <sheetName val="数量・２ "/>
      <sheetName val="数量・３"/>
      <sheetName val="数量・４"/>
      <sheetName val="数量・５"/>
      <sheetName val="数量・６"/>
      <sheetName val="数量・７"/>
      <sheetName val="数量・８"/>
      <sheetName val="数量・9"/>
      <sheetName val="数量・10"/>
      <sheetName val="数量・11"/>
      <sheetName val="数量・12"/>
      <sheetName val="数量・13"/>
      <sheetName val="数量・14"/>
      <sheetName val="数量・15"/>
      <sheetName val="Sheet1"/>
      <sheetName val="#REF"/>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集計"/>
      <sheetName val="路面復旧"/>
      <sheetName val="材料表"/>
      <sheetName val="排水材料"/>
      <sheetName val="切管表"/>
      <sheetName val="布設工"/>
      <sheetName val="消火栓土工"/>
      <sheetName val="消火栓路面復旧"/>
      <sheetName val="消火栓材料表"/>
      <sheetName val="消火栓布設工"/>
      <sheetName val="Sheet1"/>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容計（ﾕﾆｯﾄ）"/>
      <sheetName val="機器ﾘｽﾄ"/>
      <sheetName val="動力ﾘｽﾄ"/>
      <sheetName val="高宮"/>
      <sheetName val="IC計算"/>
      <sheetName val="建設費"/>
      <sheetName val="１ページ"/>
      <sheetName val="２ページ"/>
      <sheetName val="３ページ"/>
      <sheetName val="容計"/>
      <sheetName val="薬品洗浄薬品費"/>
      <sheetName val="計装ﾘｽﾄ"/>
      <sheetName val="水位作動，警報一覧"/>
      <sheetName val="沈砂池、浄水池、配水池"/>
    </sheetNames>
    <sheetDataSet>
      <sheetData sheetId="0"/>
      <sheetData sheetId="1" refreshError="1"/>
      <sheetData sheetId="2" refreshError="1"/>
      <sheetData sheetId="3" refreshError="1"/>
      <sheetData sheetId="4" refreshError="1"/>
      <sheetData sheetId="5" refreshError="1"/>
      <sheetData sheetId="6"/>
      <sheetData sheetId="7"/>
      <sheetData sheetId="8">
        <row r="38">
          <cell r="G38">
            <v>4000</v>
          </cell>
        </row>
      </sheetData>
      <sheetData sheetId="9" refreshError="1"/>
      <sheetData sheetId="10" refreshError="1"/>
      <sheetData sheetId="11" refreshError="1"/>
      <sheetData sheetId="12" refreshError="1"/>
      <sheetData sheetId="13"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事後公表"/>
      <sheetName val="内訳書"/>
      <sheetName val="諸経費計算"/>
      <sheetName val="明細書1"/>
      <sheetName val="明細書2"/>
      <sheetName val="明細書3"/>
      <sheetName val="明細書4"/>
      <sheetName val="明細書5"/>
      <sheetName val="明細書6"/>
      <sheetName val="別紙明細書１"/>
      <sheetName val="別紙明細書２"/>
      <sheetName val="別紙明細書３"/>
      <sheetName val="別紙明細書４"/>
      <sheetName val="別紙明細書５"/>
      <sheetName val="別紙明細書６"/>
      <sheetName val="別紙明細書７"/>
      <sheetName val="代価表１"/>
      <sheetName val="代価表２"/>
      <sheetName val="代価表３"/>
      <sheetName val="代価表４"/>
      <sheetName val="代価表５"/>
      <sheetName val="代価表６"/>
      <sheetName val="代価表７"/>
      <sheetName val="代価表８"/>
      <sheetName val="代価表９"/>
      <sheetName val="代価表１０"/>
      <sheetName val="輸送費，役務費"/>
      <sheetName val="設計単価"/>
      <sheetName val="見積比較表（機器）"/>
      <sheetName val="見積比較表 (材料)"/>
      <sheetName val="人工集計表"/>
      <sheetName val="歩掛分類表"/>
      <sheetName val="機器等据付工"/>
      <sheetName val="機器等据付重量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sheetData sheetId="33"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H15年度4月-企業庁・県建設部単価表　設計書貼付用"/>
      <sheetName val="H15年度4月-企業庁・県建設部単価表"/>
      <sheetName val="佐久島－表紙"/>
      <sheetName val="佐久島－総括表"/>
      <sheetName val="佐久島－代価表(打込有)"/>
      <sheetName val="7残土As（半島部）今回不採用"/>
      <sheetName val="7残土Co（半島部）今回不採用"/>
      <sheetName val="★7.13-14残土As（離島部）不採用"/>
      <sheetName val="★7.15-16残土Co（離島部）不採用"/>
      <sheetName val="14舗設工（今回不採用）"/>
      <sheetName val="空１"/>
      <sheetName val="空２"/>
      <sheetName val="1.舗装切断工(不要)"/>
      <sheetName val="2.取壊As+Co-0.35(今回不要)"/>
    </sheetNames>
    <sheetDataSet>
      <sheetData sheetId="0" refreshError="1"/>
      <sheetData sheetId="1">
        <row r="5">
          <cell r="B5" t="str">
            <v>ダクタイル鋳鉄管　２受Ｔ字管</v>
          </cell>
          <cell r="D5" t="str">
            <v>φ 75×φ 75</v>
          </cell>
          <cell r="E5">
            <v>1</v>
          </cell>
          <cell r="F5" t="str">
            <v>本</v>
          </cell>
          <cell r="G5">
            <v>10249</v>
          </cell>
          <cell r="H5" t="str">
            <v>Ⅳ-256</v>
          </cell>
        </row>
        <row r="6">
          <cell r="B6" t="str">
            <v>ダクタイル鋳鉄管　２受Ｔ字管</v>
          </cell>
          <cell r="D6" t="str">
            <v>φ100×φ 75</v>
          </cell>
          <cell r="E6">
            <v>1</v>
          </cell>
          <cell r="F6" t="str">
            <v>本</v>
          </cell>
          <cell r="G6">
            <v>13104</v>
          </cell>
          <cell r="H6" t="str">
            <v>Ⅳ-256</v>
          </cell>
        </row>
        <row r="7">
          <cell r="B7" t="str">
            <v>ダクタイル鋳鉄管　２受Ｔ字管</v>
          </cell>
          <cell r="D7" t="str">
            <v>φ100×φ100</v>
          </cell>
          <cell r="E7">
            <v>1</v>
          </cell>
          <cell r="F7" t="str">
            <v>本</v>
          </cell>
          <cell r="G7">
            <v>13993</v>
          </cell>
          <cell r="H7" t="str">
            <v>Ⅳ-256</v>
          </cell>
        </row>
        <row r="8">
          <cell r="B8" t="str">
            <v>ダクタイル鋳鉄管　２受Ｔ字管</v>
          </cell>
          <cell r="D8" t="str">
            <v>φ150×φ 75</v>
          </cell>
          <cell r="E8">
            <v>1</v>
          </cell>
          <cell r="F8" t="str">
            <v>本</v>
          </cell>
          <cell r="G8">
            <v>19468</v>
          </cell>
          <cell r="H8" t="str">
            <v>Ⅳ-256</v>
          </cell>
        </row>
        <row r="9">
          <cell r="B9" t="str">
            <v>ダクタイル鋳鉄管　２受Ｔ字管</v>
          </cell>
          <cell r="D9" t="str">
            <v>φ150×φ100</v>
          </cell>
          <cell r="E9">
            <v>1</v>
          </cell>
          <cell r="F9" t="str">
            <v>本</v>
          </cell>
          <cell r="G9">
            <v>20311</v>
          </cell>
          <cell r="H9" t="str">
            <v>Ⅳ-256</v>
          </cell>
        </row>
        <row r="10">
          <cell r="B10" t="str">
            <v>ダクタイル鋳鉄管　２受Ｔ字管</v>
          </cell>
          <cell r="D10" t="str">
            <v>φ150×φ150</v>
          </cell>
          <cell r="E10">
            <v>1</v>
          </cell>
          <cell r="F10" t="str">
            <v>本</v>
          </cell>
          <cell r="G10">
            <v>22136</v>
          </cell>
          <cell r="H10" t="str">
            <v>Ⅳ-256</v>
          </cell>
        </row>
        <row r="11">
          <cell r="B11" t="str">
            <v>ダクタイル鋳鉄管　２受Ｔ字管</v>
          </cell>
          <cell r="D11" t="str">
            <v>φ200×φ100</v>
          </cell>
          <cell r="E11">
            <v>1</v>
          </cell>
          <cell r="F11" t="str">
            <v>本</v>
          </cell>
          <cell r="G11">
            <v>28267</v>
          </cell>
          <cell r="H11" t="str">
            <v>Ⅳ-256</v>
          </cell>
        </row>
        <row r="12">
          <cell r="B12" t="str">
            <v>ダクタイル鋳鉄管　２受Ｔ字管</v>
          </cell>
          <cell r="D12" t="str">
            <v>φ200×φ150</v>
          </cell>
          <cell r="E12">
            <v>1</v>
          </cell>
          <cell r="F12" t="str">
            <v>本</v>
          </cell>
          <cell r="G12">
            <v>33555</v>
          </cell>
          <cell r="H12" t="str">
            <v>Ⅳ-256</v>
          </cell>
        </row>
        <row r="13">
          <cell r="B13" t="str">
            <v>ダクタイル鋳鉄管　２受Ｔ字管</v>
          </cell>
          <cell r="D13" t="str">
            <v>φ200×φ200</v>
          </cell>
          <cell r="E13">
            <v>1</v>
          </cell>
          <cell r="F13" t="str">
            <v>本</v>
          </cell>
          <cell r="G13">
            <v>35474</v>
          </cell>
          <cell r="H13" t="str">
            <v>Ⅳ-256</v>
          </cell>
        </row>
        <row r="14">
          <cell r="B14" t="str">
            <v>ダクタイル鋳鉄管　２受Ｔ字管</v>
          </cell>
          <cell r="D14" t="str">
            <v>φ250×φ100</v>
          </cell>
          <cell r="E14">
            <v>1</v>
          </cell>
          <cell r="F14" t="str">
            <v>本</v>
          </cell>
          <cell r="G14">
            <v>38376</v>
          </cell>
          <cell r="H14" t="str">
            <v>Ⅳ-256</v>
          </cell>
        </row>
        <row r="15">
          <cell r="B15" t="str">
            <v>ダクタイル鋳鉄管　２受Ｔ字管</v>
          </cell>
          <cell r="D15" t="str">
            <v>φ250×φ150</v>
          </cell>
          <cell r="E15">
            <v>1</v>
          </cell>
          <cell r="F15" t="str">
            <v>本</v>
          </cell>
          <cell r="G15">
            <v>40294</v>
          </cell>
          <cell r="H15" t="str">
            <v>Ⅳ-256</v>
          </cell>
        </row>
        <row r="16">
          <cell r="B16" t="str">
            <v>ダクタイル鋳鉄管　２受Ｔ字管</v>
          </cell>
          <cell r="D16" t="str">
            <v>φ250×φ250</v>
          </cell>
          <cell r="E16">
            <v>1</v>
          </cell>
          <cell r="F16" t="str">
            <v>本</v>
          </cell>
          <cell r="G16">
            <v>48204</v>
          </cell>
          <cell r="H16" t="str">
            <v>Ⅳ-256</v>
          </cell>
        </row>
        <row r="17">
          <cell r="B17" t="str">
            <v>ダクタイル鋳鉄管用Ｆ付Ｔ字管</v>
          </cell>
          <cell r="D17" t="str">
            <v>φ 75×φ 75</v>
          </cell>
          <cell r="E17">
            <v>1</v>
          </cell>
          <cell r="F17" t="str">
            <v>本</v>
          </cell>
          <cell r="G17">
            <v>11588</v>
          </cell>
          <cell r="H17" t="str">
            <v>Ⅳ-256</v>
          </cell>
        </row>
        <row r="18">
          <cell r="B18" t="str">
            <v>ダクタイル鋳鉄管用Ｆ付Ｔ字管</v>
          </cell>
          <cell r="D18" t="str">
            <v>φ100×φ 75</v>
          </cell>
          <cell r="E18">
            <v>1</v>
          </cell>
          <cell r="F18" t="str">
            <v>本</v>
          </cell>
          <cell r="G18">
            <v>14146</v>
          </cell>
          <cell r="H18" t="str">
            <v>Ⅳ-256</v>
          </cell>
        </row>
        <row r="19">
          <cell r="B19" t="str">
            <v>ダクタイル鋳鉄管用Ｆ付Ｔ字管</v>
          </cell>
          <cell r="D19" t="str">
            <v>φ150×φ 75</v>
          </cell>
          <cell r="E19">
            <v>1</v>
          </cell>
          <cell r="F19" t="str">
            <v>本</v>
          </cell>
          <cell r="G19">
            <v>20097</v>
          </cell>
          <cell r="H19" t="str">
            <v>Ⅳ-256</v>
          </cell>
        </row>
        <row r="20">
          <cell r="B20" t="str">
            <v>ダクタイル鋳鉄管用Ｆ付Ｔ字管</v>
          </cell>
          <cell r="D20" t="str">
            <v>φ150×φ100</v>
          </cell>
          <cell r="E20">
            <v>1</v>
          </cell>
          <cell r="F20" t="str">
            <v>本</v>
          </cell>
          <cell r="G20">
            <v>21454</v>
          </cell>
          <cell r="H20" t="str">
            <v>Ⅳ-256</v>
          </cell>
        </row>
        <row r="21">
          <cell r="B21" t="str">
            <v>ダクタイル鋳鉄管用Ｆ付Ｔ字管</v>
          </cell>
          <cell r="D21" t="str">
            <v>φ200×φ 75</v>
          </cell>
          <cell r="E21">
            <v>1</v>
          </cell>
          <cell r="F21" t="str">
            <v>本</v>
          </cell>
          <cell r="G21">
            <v>29127</v>
          </cell>
          <cell r="H21" t="str">
            <v>Ⅳ-256</v>
          </cell>
        </row>
        <row r="22">
          <cell r="B22" t="str">
            <v>ダクタイル鋳鉄管用Ｆ付Ｔ字管</v>
          </cell>
          <cell r="D22" t="str">
            <v>φ200×φ100</v>
          </cell>
          <cell r="E22">
            <v>1</v>
          </cell>
          <cell r="F22" t="str">
            <v>本</v>
          </cell>
          <cell r="G22">
            <v>30537</v>
          </cell>
          <cell r="H22" t="str">
            <v>Ⅳ-256</v>
          </cell>
        </row>
        <row r="23">
          <cell r="B23" t="str">
            <v>ダクタイル鋳鉄管用Ｆ付Ｔ字管</v>
          </cell>
          <cell r="D23" t="str">
            <v>φ250×φ 75</v>
          </cell>
          <cell r="E23">
            <v>1</v>
          </cell>
          <cell r="F23" t="str">
            <v>本</v>
          </cell>
          <cell r="G23">
            <v>38262</v>
          </cell>
          <cell r="H23" t="str">
            <v>Ⅳ-256</v>
          </cell>
        </row>
        <row r="24">
          <cell r="B24" t="str">
            <v>ダクタイル鋳鉄管用Ｆ付Ｔ字管</v>
          </cell>
          <cell r="D24" t="str">
            <v>φ250×φ100</v>
          </cell>
          <cell r="E24">
            <v>1</v>
          </cell>
          <cell r="F24" t="str">
            <v>本</v>
          </cell>
          <cell r="G24">
            <v>39828</v>
          </cell>
          <cell r="H24" t="str">
            <v>Ⅳ-256</v>
          </cell>
        </row>
        <row r="25">
          <cell r="B25" t="str">
            <v>ダクタイル鋳鉄管　９０°　曲 管</v>
          </cell>
          <cell r="D25" t="str">
            <v>K形　φ 75</v>
          </cell>
          <cell r="E25">
            <v>1</v>
          </cell>
          <cell r="F25" t="str">
            <v>本</v>
          </cell>
          <cell r="G25">
            <v>6786</v>
          </cell>
          <cell r="H25" t="str">
            <v>Ⅳ-256</v>
          </cell>
        </row>
        <row r="26">
          <cell r="B26" t="str">
            <v>ダクタイル鋳鉄管　９０°　曲 管</v>
          </cell>
          <cell r="D26" t="str">
            <v>K形　φ100</v>
          </cell>
          <cell r="E26">
            <v>1</v>
          </cell>
          <cell r="F26" t="str">
            <v>本</v>
          </cell>
          <cell r="G26">
            <v>8798</v>
          </cell>
          <cell r="H26" t="str">
            <v>Ⅳ-256</v>
          </cell>
        </row>
        <row r="27">
          <cell r="B27" t="str">
            <v>ダクタイル鋳鉄管　９０°　曲 管</v>
          </cell>
          <cell r="D27" t="str">
            <v>K形　φ150</v>
          </cell>
          <cell r="E27">
            <v>1</v>
          </cell>
          <cell r="F27" t="str">
            <v>本</v>
          </cell>
          <cell r="G27">
            <v>15210</v>
          </cell>
          <cell r="H27" t="str">
            <v>Ⅳ-256</v>
          </cell>
        </row>
        <row r="28">
          <cell r="B28" t="str">
            <v>ダクタイル鋳鉄管　９０°　曲 管</v>
          </cell>
          <cell r="D28" t="str">
            <v>K形　φ200</v>
          </cell>
          <cell r="E28">
            <v>1</v>
          </cell>
          <cell r="F28" t="str">
            <v>本</v>
          </cell>
          <cell r="G28">
            <v>26722</v>
          </cell>
          <cell r="H28" t="str">
            <v>Ⅳ-256</v>
          </cell>
        </row>
        <row r="29">
          <cell r="B29" t="str">
            <v>ダクタイル鋳鉄管　９０°　曲 管</v>
          </cell>
          <cell r="D29" t="str">
            <v>K形　φ250</v>
          </cell>
          <cell r="E29">
            <v>1</v>
          </cell>
          <cell r="F29" t="str">
            <v>本</v>
          </cell>
          <cell r="G29">
            <v>37299</v>
          </cell>
          <cell r="H29" t="str">
            <v>Ⅳ-256</v>
          </cell>
        </row>
        <row r="30">
          <cell r="B30" t="str">
            <v>ダクタイル鋳鉄管　４５°　曲 管</v>
          </cell>
          <cell r="D30" t="str">
            <v>K形　φ 75</v>
          </cell>
          <cell r="E30">
            <v>1</v>
          </cell>
          <cell r="F30" t="str">
            <v>本</v>
          </cell>
          <cell r="G30">
            <v>6177</v>
          </cell>
          <cell r="H30" t="str">
            <v>Ⅳ-256</v>
          </cell>
        </row>
        <row r="31">
          <cell r="B31" t="str">
            <v>ダクタイル鋳鉄管　４５°　曲 管</v>
          </cell>
          <cell r="D31" t="str">
            <v>K形　φ100</v>
          </cell>
          <cell r="E31">
            <v>1</v>
          </cell>
          <cell r="F31" t="str">
            <v>本</v>
          </cell>
          <cell r="G31">
            <v>8002</v>
          </cell>
          <cell r="H31" t="str">
            <v>Ⅳ-256</v>
          </cell>
        </row>
        <row r="32">
          <cell r="B32" t="str">
            <v>ダクタイル鋳鉄管　４５°　曲 管</v>
          </cell>
          <cell r="D32" t="str">
            <v>K形　φ150</v>
          </cell>
          <cell r="E32">
            <v>1</v>
          </cell>
          <cell r="F32" t="str">
            <v>本</v>
          </cell>
          <cell r="G32">
            <v>14040</v>
          </cell>
          <cell r="H32" t="str">
            <v>Ⅳ-256</v>
          </cell>
        </row>
        <row r="33">
          <cell r="B33" t="str">
            <v>ダクタイル鋳鉄管　４５°　曲 管</v>
          </cell>
          <cell r="D33" t="str">
            <v>K形　φ200</v>
          </cell>
          <cell r="E33">
            <v>1</v>
          </cell>
          <cell r="F33" t="str">
            <v>本</v>
          </cell>
          <cell r="G33">
            <v>22932</v>
          </cell>
          <cell r="H33" t="str">
            <v>Ⅳ-256</v>
          </cell>
        </row>
        <row r="34">
          <cell r="B34" t="str">
            <v>ダクタイル鋳鉄管　４５°　曲 管</v>
          </cell>
          <cell r="D34" t="str">
            <v>K形　φ250</v>
          </cell>
          <cell r="E34">
            <v>1</v>
          </cell>
          <cell r="F34" t="str">
            <v>本</v>
          </cell>
          <cell r="G34">
            <v>30513</v>
          </cell>
          <cell r="H34" t="str">
            <v>Ⅳ-256</v>
          </cell>
        </row>
        <row r="35">
          <cell r="B35" t="str">
            <v>ダクタイル鋳鉄管　２２ １/２°　曲 管</v>
          </cell>
          <cell r="D35" t="str">
            <v>K形　φ 75</v>
          </cell>
          <cell r="E35">
            <v>1</v>
          </cell>
          <cell r="F35" t="str">
            <v>本</v>
          </cell>
          <cell r="G35">
            <v>6177</v>
          </cell>
          <cell r="H35" t="str">
            <v>Ⅳ-256</v>
          </cell>
        </row>
        <row r="36">
          <cell r="B36" t="str">
            <v>ダクタイル鋳鉄管　２２ １/２°　曲 管</v>
          </cell>
          <cell r="D36" t="str">
            <v>K形　φ100</v>
          </cell>
          <cell r="E36">
            <v>1</v>
          </cell>
          <cell r="F36" t="str">
            <v>本</v>
          </cell>
          <cell r="G36">
            <v>8002</v>
          </cell>
          <cell r="H36" t="str">
            <v>Ⅳ-256</v>
          </cell>
        </row>
        <row r="37">
          <cell r="B37" t="str">
            <v>ダクタイル鋳鉄管　２２ １/２°　曲 管</v>
          </cell>
          <cell r="D37" t="str">
            <v>K形　φ150</v>
          </cell>
          <cell r="E37">
            <v>1</v>
          </cell>
          <cell r="F37" t="str">
            <v>本</v>
          </cell>
          <cell r="G37">
            <v>13244</v>
          </cell>
          <cell r="H37" t="str">
            <v>Ⅳ-256</v>
          </cell>
        </row>
        <row r="38">
          <cell r="B38" t="str">
            <v>ダクタイル鋳鉄管　２２ １/２°　曲 管</v>
          </cell>
          <cell r="D38" t="str">
            <v>K形　φ200</v>
          </cell>
          <cell r="E38">
            <v>1</v>
          </cell>
          <cell r="F38" t="str">
            <v>本</v>
          </cell>
          <cell r="G38">
            <v>21715</v>
          </cell>
          <cell r="H38" t="str">
            <v>Ⅳ-256</v>
          </cell>
        </row>
        <row r="39">
          <cell r="B39" t="str">
            <v>ダクタイル鋳鉄管　２２ １/２°　曲 管</v>
          </cell>
          <cell r="D39" t="str">
            <v>K形　φ250</v>
          </cell>
          <cell r="E39">
            <v>1</v>
          </cell>
          <cell r="F39" t="str">
            <v>本</v>
          </cell>
          <cell r="G39">
            <v>28875</v>
          </cell>
          <cell r="H39" t="str">
            <v>Ⅳ-256</v>
          </cell>
        </row>
        <row r="40">
          <cell r="B40" t="str">
            <v>ダクタイル鋳鉄管　１１ １/４°　曲 管</v>
          </cell>
          <cell r="D40" t="str">
            <v>K形　φ 75</v>
          </cell>
          <cell r="E40">
            <v>1</v>
          </cell>
          <cell r="F40" t="str">
            <v>本</v>
          </cell>
          <cell r="G40">
            <v>8283</v>
          </cell>
          <cell r="H40" t="str">
            <v>Ⅳ-256</v>
          </cell>
        </row>
        <row r="41">
          <cell r="B41" t="str">
            <v>ダクタイル鋳鉄管　１１ １/４°　曲 管</v>
          </cell>
          <cell r="D41" t="str">
            <v>K形　φ100</v>
          </cell>
          <cell r="E41">
            <v>1</v>
          </cell>
          <cell r="F41" t="str">
            <v>本</v>
          </cell>
          <cell r="G41">
            <v>10717</v>
          </cell>
          <cell r="H41" t="str">
            <v>Ⅳ-256</v>
          </cell>
        </row>
        <row r="42">
          <cell r="B42" t="str">
            <v>ダクタイル鋳鉄管　１１ １/４°　曲 管</v>
          </cell>
          <cell r="D42" t="str">
            <v>K形　φ150</v>
          </cell>
          <cell r="E42">
            <v>1</v>
          </cell>
          <cell r="F42" t="str">
            <v>本</v>
          </cell>
          <cell r="G42">
            <v>16239</v>
          </cell>
          <cell r="H42" t="str">
            <v>Ⅳ-256</v>
          </cell>
        </row>
        <row r="43">
          <cell r="B43" t="str">
            <v>ダクタイル鋳鉄管　１１ １/４°　曲 管</v>
          </cell>
          <cell r="D43" t="str">
            <v>K形　φ200</v>
          </cell>
          <cell r="E43">
            <v>1</v>
          </cell>
          <cell r="F43" t="str">
            <v>本</v>
          </cell>
          <cell r="G43">
            <v>29296</v>
          </cell>
          <cell r="H43" t="str">
            <v>Ⅳ-256</v>
          </cell>
        </row>
        <row r="44">
          <cell r="B44" t="str">
            <v>ダクタイル鋳鉄管　１１ １/４°　曲 管</v>
          </cell>
          <cell r="D44" t="str">
            <v>K形　φ250</v>
          </cell>
          <cell r="E44">
            <v>1</v>
          </cell>
          <cell r="F44" t="str">
            <v>本</v>
          </cell>
          <cell r="G44">
            <v>39171</v>
          </cell>
          <cell r="H44" t="str">
            <v>Ⅳ-256</v>
          </cell>
        </row>
        <row r="45">
          <cell r="B45" t="str">
            <v>ダクタイル鋳鉄管　短管１号</v>
          </cell>
          <cell r="D45" t="str">
            <v>φ 75</v>
          </cell>
          <cell r="E45">
            <v>1</v>
          </cell>
          <cell r="F45" t="str">
            <v>本</v>
          </cell>
          <cell r="G45">
            <v>5054</v>
          </cell>
          <cell r="H45" t="str">
            <v>Ⅳ-256</v>
          </cell>
        </row>
        <row r="46">
          <cell r="B46" t="str">
            <v>ダクタイル鋳鉄管　短管１号</v>
          </cell>
          <cell r="D46" t="str">
            <v>φ100</v>
          </cell>
          <cell r="E46">
            <v>1</v>
          </cell>
          <cell r="F46" t="str">
            <v>本</v>
          </cell>
          <cell r="G46">
            <v>6364</v>
          </cell>
          <cell r="H46" t="str">
            <v>Ⅳ-256</v>
          </cell>
        </row>
        <row r="47">
          <cell r="B47" t="str">
            <v>ダクタイル鋳鉄管　短管１号</v>
          </cell>
          <cell r="D47" t="str">
            <v>φ150</v>
          </cell>
          <cell r="E47">
            <v>1</v>
          </cell>
          <cell r="F47" t="str">
            <v>本</v>
          </cell>
          <cell r="G47">
            <v>9172</v>
          </cell>
          <cell r="H47" t="str">
            <v>Ⅳ-256</v>
          </cell>
        </row>
        <row r="48">
          <cell r="B48" t="str">
            <v>ダクタイル鋳鉄管　短管１号</v>
          </cell>
          <cell r="D48" t="str">
            <v>φ200</v>
          </cell>
          <cell r="E48">
            <v>1</v>
          </cell>
          <cell r="F48" t="str">
            <v>本</v>
          </cell>
          <cell r="G48">
            <v>12355</v>
          </cell>
          <cell r="H48" t="str">
            <v>Ⅳ-256</v>
          </cell>
        </row>
        <row r="49">
          <cell r="B49" t="str">
            <v>ダクタイル鋳鉄管　短管１号</v>
          </cell>
          <cell r="D49" t="str">
            <v>φ250</v>
          </cell>
          <cell r="E49">
            <v>1</v>
          </cell>
          <cell r="F49" t="str">
            <v>本</v>
          </cell>
          <cell r="G49">
            <v>18018</v>
          </cell>
          <cell r="H49" t="str">
            <v>Ⅳ-256</v>
          </cell>
        </row>
        <row r="50">
          <cell r="B50" t="str">
            <v>ダクタイル鋳鉄管　短管２号</v>
          </cell>
          <cell r="D50" t="str">
            <v>φ 75</v>
          </cell>
          <cell r="E50">
            <v>1</v>
          </cell>
          <cell r="F50" t="str">
            <v>本</v>
          </cell>
          <cell r="G50">
            <v>7066</v>
          </cell>
          <cell r="H50" t="str">
            <v>Ⅳ-256</v>
          </cell>
        </row>
        <row r="51">
          <cell r="B51" t="str">
            <v>ダクタイル鋳鉄管　短管２号</v>
          </cell>
          <cell r="D51" t="str">
            <v>φ100</v>
          </cell>
          <cell r="E51">
            <v>1</v>
          </cell>
          <cell r="F51" t="str">
            <v>本</v>
          </cell>
          <cell r="G51">
            <v>8985</v>
          </cell>
          <cell r="H51" t="str">
            <v>Ⅳ-256</v>
          </cell>
        </row>
        <row r="52">
          <cell r="B52" t="str">
            <v>ダクタイル鋳鉄管　短管２号</v>
          </cell>
          <cell r="D52" t="str">
            <v>φ150</v>
          </cell>
          <cell r="E52">
            <v>1</v>
          </cell>
          <cell r="F52" t="str">
            <v>本</v>
          </cell>
          <cell r="G52">
            <v>13525</v>
          </cell>
          <cell r="H52" t="str">
            <v>Ⅳ-256</v>
          </cell>
        </row>
        <row r="53">
          <cell r="B53" t="str">
            <v>ダクタイル鋳鉄管　短管２号</v>
          </cell>
          <cell r="D53" t="str">
            <v>φ200</v>
          </cell>
          <cell r="E53">
            <v>1</v>
          </cell>
          <cell r="F53" t="str">
            <v>本</v>
          </cell>
          <cell r="G53">
            <v>20685</v>
          </cell>
          <cell r="H53" t="str">
            <v>Ⅳ-256</v>
          </cell>
        </row>
        <row r="54">
          <cell r="B54" t="str">
            <v>ダクタイル鋳鉄管　短管２号</v>
          </cell>
          <cell r="D54" t="str">
            <v>φ250</v>
          </cell>
          <cell r="E54">
            <v>1</v>
          </cell>
          <cell r="F54" t="str">
            <v>本</v>
          </cell>
          <cell r="G54">
            <v>28314</v>
          </cell>
          <cell r="H54" t="str">
            <v>Ⅳ-256</v>
          </cell>
        </row>
        <row r="55">
          <cell r="B55" t="str">
            <v>ダクタイル鋳鉄管　継ぎ輪</v>
          </cell>
          <cell r="D55" t="str">
            <v>K形　φ 75</v>
          </cell>
          <cell r="E55">
            <v>1</v>
          </cell>
          <cell r="F55" t="str">
            <v>本</v>
          </cell>
          <cell r="G55">
            <v>6645</v>
          </cell>
          <cell r="H55" t="str">
            <v>Ⅳ-256</v>
          </cell>
        </row>
        <row r="56">
          <cell r="B56" t="str">
            <v>ダクタイル鋳鉄管　継ぎ輪</v>
          </cell>
          <cell r="D56" t="str">
            <v>K形　φ100</v>
          </cell>
          <cell r="E56">
            <v>1</v>
          </cell>
          <cell r="F56" t="str">
            <v>本</v>
          </cell>
          <cell r="G56">
            <v>8377</v>
          </cell>
          <cell r="H56" t="str">
            <v>Ⅳ-256</v>
          </cell>
        </row>
        <row r="57">
          <cell r="B57" t="str">
            <v>ダクタイル鋳鉄管　継ぎ輪</v>
          </cell>
          <cell r="D57" t="str">
            <v>K形　φ150</v>
          </cell>
          <cell r="E57">
            <v>1</v>
          </cell>
          <cell r="F57" t="str">
            <v>本</v>
          </cell>
          <cell r="G57">
            <v>11746</v>
          </cell>
          <cell r="H57" t="str">
            <v>Ⅳ-256</v>
          </cell>
        </row>
        <row r="58">
          <cell r="B58" t="str">
            <v>ダクタイル鋳鉄管　継ぎ輪</v>
          </cell>
          <cell r="D58" t="str">
            <v>K形　φ200</v>
          </cell>
          <cell r="E58">
            <v>1</v>
          </cell>
          <cell r="F58" t="str">
            <v>本</v>
          </cell>
          <cell r="G58">
            <v>14695</v>
          </cell>
          <cell r="H58" t="str">
            <v>Ⅳ-256</v>
          </cell>
        </row>
        <row r="59">
          <cell r="B59" t="str">
            <v>ダクタイル鋳鉄管　継ぎ輪</v>
          </cell>
          <cell r="D59" t="str">
            <v>K形　φ250</v>
          </cell>
          <cell r="E59">
            <v>1</v>
          </cell>
          <cell r="F59" t="str">
            <v>本</v>
          </cell>
          <cell r="G59">
            <v>18205</v>
          </cell>
          <cell r="H59" t="str">
            <v>Ⅳ-256</v>
          </cell>
        </row>
        <row r="60">
          <cell r="B60" t="str">
            <v>ダクタイル鋳鉄管用受挿し片落管</v>
          </cell>
          <cell r="D60" t="str">
            <v>φ100×φ 75</v>
          </cell>
          <cell r="E60">
            <v>1</v>
          </cell>
          <cell r="F60" t="str">
            <v>本</v>
          </cell>
          <cell r="G60">
            <v>8456</v>
          </cell>
          <cell r="H60" t="str">
            <v>Ⅳ-256</v>
          </cell>
        </row>
        <row r="61">
          <cell r="B61" t="str">
            <v>ダクタイル鋳鉄管用受挿し片落管</v>
          </cell>
          <cell r="D61" t="str">
            <v>φ150×φ100</v>
          </cell>
          <cell r="E61">
            <v>1</v>
          </cell>
          <cell r="F61" t="str">
            <v>本</v>
          </cell>
          <cell r="G61">
            <v>11953</v>
          </cell>
          <cell r="H61" t="str">
            <v>Ⅳ-256</v>
          </cell>
        </row>
        <row r="62">
          <cell r="B62" t="str">
            <v>ダクタイル鋳鉄管用受挿し片落管</v>
          </cell>
          <cell r="D62" t="str">
            <v>φ200×φ100</v>
          </cell>
          <cell r="E62">
            <v>1</v>
          </cell>
          <cell r="F62" t="str">
            <v>本</v>
          </cell>
          <cell r="G62">
            <v>15921</v>
          </cell>
          <cell r="H62" t="str">
            <v>Ⅳ-256</v>
          </cell>
        </row>
        <row r="63">
          <cell r="B63" t="str">
            <v>ダクタイル鋳鉄管用受挿し片落管</v>
          </cell>
          <cell r="D63" t="str">
            <v>φ200×φ150</v>
          </cell>
          <cell r="E63">
            <v>1</v>
          </cell>
          <cell r="F63" t="str">
            <v>本</v>
          </cell>
          <cell r="G63">
            <v>18844</v>
          </cell>
          <cell r="H63" t="str">
            <v>Ⅳ-256</v>
          </cell>
        </row>
        <row r="64">
          <cell r="B64" t="str">
            <v>ダクタイル鋳鉄管用受挿し片落管</v>
          </cell>
          <cell r="D64" t="str">
            <v>φ250×φ100</v>
          </cell>
          <cell r="E64">
            <v>1</v>
          </cell>
          <cell r="F64" t="str">
            <v>本</v>
          </cell>
          <cell r="G64">
            <v>21610</v>
          </cell>
          <cell r="H64" t="str">
            <v>Ⅳ-256</v>
          </cell>
        </row>
        <row r="65">
          <cell r="B65" t="str">
            <v>ダクタイル鋳鉄管用受挿し片落管</v>
          </cell>
          <cell r="D65" t="str">
            <v>φ250×φ150</v>
          </cell>
          <cell r="E65">
            <v>1</v>
          </cell>
          <cell r="F65" t="str">
            <v>本</v>
          </cell>
          <cell r="G65">
            <v>25108</v>
          </cell>
          <cell r="H65" t="str">
            <v>Ⅳ-256</v>
          </cell>
        </row>
        <row r="66">
          <cell r="B66" t="str">
            <v>ダクタイル鋳鉄管用受挿し片落管</v>
          </cell>
          <cell r="D66" t="str">
            <v>φ250×φ200</v>
          </cell>
          <cell r="E66">
            <v>1</v>
          </cell>
          <cell r="F66" t="str">
            <v>本</v>
          </cell>
          <cell r="G66">
            <v>28083</v>
          </cell>
          <cell r="H66" t="str">
            <v>Ⅳ-256</v>
          </cell>
        </row>
        <row r="67">
          <cell r="B67" t="str">
            <v>ダクタイル鋳鉄管用挿し受片落管</v>
          </cell>
          <cell r="D67" t="str">
            <v>φ100×φ 75</v>
          </cell>
          <cell r="E67">
            <v>1</v>
          </cell>
          <cell r="F67" t="str">
            <v>本</v>
          </cell>
          <cell r="G67">
            <v>8038</v>
          </cell>
          <cell r="H67" t="str">
            <v>Ⅳ-256</v>
          </cell>
        </row>
        <row r="68">
          <cell r="B68" t="str">
            <v>ダクタイル鋳鉄管用挿し受片落管</v>
          </cell>
          <cell r="D68" t="str">
            <v>φ150×φ100</v>
          </cell>
          <cell r="E68">
            <v>1</v>
          </cell>
          <cell r="F68" t="str">
            <v>本</v>
          </cell>
          <cell r="G68">
            <v>11275</v>
          </cell>
          <cell r="H68" t="str">
            <v>Ⅳ-256</v>
          </cell>
        </row>
        <row r="69">
          <cell r="B69" t="str">
            <v>ダクタイル鋳鉄管用挿し受片落管</v>
          </cell>
          <cell r="D69" t="str">
            <v>φ200×φ100</v>
          </cell>
          <cell r="E69">
            <v>1</v>
          </cell>
          <cell r="F69" t="str">
            <v>本</v>
          </cell>
          <cell r="G69">
            <v>14877</v>
          </cell>
          <cell r="H69" t="str">
            <v>Ⅳ-256</v>
          </cell>
        </row>
        <row r="70">
          <cell r="B70" t="str">
            <v>ダクタイル鋳鉄管用挿し受片落管</v>
          </cell>
          <cell r="D70" t="str">
            <v>φ200×φ150</v>
          </cell>
          <cell r="E70">
            <v>1</v>
          </cell>
          <cell r="F70" t="str">
            <v>本</v>
          </cell>
          <cell r="G70">
            <v>18270</v>
          </cell>
          <cell r="H70" t="str">
            <v>Ⅳ-256</v>
          </cell>
        </row>
        <row r="71">
          <cell r="B71" t="str">
            <v>ダクタイル鋳鉄管用挿し受片落管</v>
          </cell>
          <cell r="D71" t="str">
            <v>φ250×φ100</v>
          </cell>
          <cell r="E71">
            <v>1</v>
          </cell>
          <cell r="F71" t="str">
            <v>本</v>
          </cell>
          <cell r="G71">
            <v>19992</v>
          </cell>
          <cell r="H71" t="str">
            <v>Ⅳ-256</v>
          </cell>
        </row>
        <row r="72">
          <cell r="B72" t="str">
            <v>ダクタイル鋳鉄管用挿し受片落管</v>
          </cell>
          <cell r="D72" t="str">
            <v>φ250×φ150</v>
          </cell>
          <cell r="E72">
            <v>1</v>
          </cell>
          <cell r="F72" t="str">
            <v>本</v>
          </cell>
          <cell r="G72">
            <v>23907</v>
          </cell>
          <cell r="H72" t="str">
            <v>Ⅳ-256</v>
          </cell>
        </row>
        <row r="73">
          <cell r="B73" t="str">
            <v>ダクタイル鋳鉄管用挿し受片落管</v>
          </cell>
          <cell r="D73" t="str">
            <v>φ250×φ200</v>
          </cell>
          <cell r="E73">
            <v>1</v>
          </cell>
          <cell r="F73" t="str">
            <v>本</v>
          </cell>
          <cell r="G73">
            <v>27509</v>
          </cell>
          <cell r="H73" t="str">
            <v>Ⅳ-256</v>
          </cell>
        </row>
        <row r="74">
          <cell r="B74" t="str">
            <v>ダクタイル鋳鉄管用メカ栓</v>
          </cell>
          <cell r="D74" t="str">
            <v>φ75</v>
          </cell>
          <cell r="E74">
            <v>1</v>
          </cell>
          <cell r="F74" t="str">
            <v>本</v>
          </cell>
          <cell r="G74">
            <v>2833</v>
          </cell>
          <cell r="H74" t="str">
            <v>Ⅳ-256</v>
          </cell>
        </row>
        <row r="75">
          <cell r="B75" t="str">
            <v>ダクタイル鋳鉄管用メカ栓</v>
          </cell>
          <cell r="D75" t="str">
            <v>φ100</v>
          </cell>
          <cell r="E75">
            <v>1</v>
          </cell>
          <cell r="F75" t="str">
            <v>本</v>
          </cell>
          <cell r="G75">
            <v>3893</v>
          </cell>
          <cell r="H75" t="str">
            <v>Ⅳ-256</v>
          </cell>
        </row>
        <row r="76">
          <cell r="B76" t="str">
            <v>ダクタイル鋳鉄管用メカ栓</v>
          </cell>
          <cell r="D76" t="str">
            <v>φ150</v>
          </cell>
          <cell r="E76">
            <v>1</v>
          </cell>
          <cell r="F76" t="str">
            <v>本</v>
          </cell>
          <cell r="G76">
            <v>5890</v>
          </cell>
          <cell r="H76" t="str">
            <v>Ⅳ-256</v>
          </cell>
        </row>
        <row r="77">
          <cell r="B77" t="str">
            <v>ダクタイル鋳鉄管用メカ栓</v>
          </cell>
          <cell r="D77" t="str">
            <v>φ200</v>
          </cell>
          <cell r="E77">
            <v>1</v>
          </cell>
          <cell r="F77" t="str">
            <v>本</v>
          </cell>
          <cell r="G77">
            <v>8639</v>
          </cell>
          <cell r="H77" t="str">
            <v>Ⅳ-256</v>
          </cell>
        </row>
        <row r="78">
          <cell r="B78" t="str">
            <v>ダクタイル鋳鉄管用メカ栓</v>
          </cell>
          <cell r="D78" t="str">
            <v>φ250</v>
          </cell>
          <cell r="E78">
            <v>1</v>
          </cell>
          <cell r="F78" t="str">
            <v>本</v>
          </cell>
          <cell r="G78">
            <v>11837</v>
          </cell>
          <cell r="H78" t="str">
            <v>Ⅳ-256</v>
          </cell>
        </row>
        <row r="79">
          <cell r="B79" t="str">
            <v>フランジ短管</v>
          </cell>
          <cell r="D79" t="str">
            <v>φ 75×250H</v>
          </cell>
          <cell r="E79">
            <v>1</v>
          </cell>
          <cell r="F79" t="str">
            <v>本</v>
          </cell>
          <cell r="G79">
            <v>6055</v>
          </cell>
          <cell r="H79" t="str">
            <v>Ⅳ-256</v>
          </cell>
        </row>
        <row r="80">
          <cell r="B80" t="str">
            <v>フランジ短管</v>
          </cell>
          <cell r="D80" t="str">
            <v>φ 75×500H</v>
          </cell>
          <cell r="E80">
            <v>1</v>
          </cell>
          <cell r="F80" t="str">
            <v>本</v>
          </cell>
          <cell r="G80">
            <v>8143</v>
          </cell>
          <cell r="H80" t="str">
            <v>Ⅳ-256</v>
          </cell>
        </row>
        <row r="81">
          <cell r="B81" t="str">
            <v>フランジ短管</v>
          </cell>
          <cell r="D81" t="str">
            <v>φ100×250H</v>
          </cell>
          <cell r="E81">
            <v>1</v>
          </cell>
          <cell r="F81" t="str">
            <v>本</v>
          </cell>
          <cell r="G81">
            <v>7464</v>
          </cell>
          <cell r="H81" t="str">
            <v>Ⅳ-256</v>
          </cell>
        </row>
        <row r="82">
          <cell r="B82" t="str">
            <v>貨物車　重機運搬費</v>
          </cell>
          <cell r="D82" t="str">
            <v>0.35m3 片道10km　11t車</v>
          </cell>
          <cell r="E82">
            <v>1</v>
          </cell>
          <cell r="F82" t="str">
            <v>回</v>
          </cell>
          <cell r="G82">
            <v>52000</v>
          </cell>
          <cell r="H82" t="str">
            <v>Ⅳ-300</v>
          </cell>
        </row>
        <row r="83">
          <cell r="A83" t="str">
            <v>Aコード</v>
          </cell>
        </row>
        <row r="84">
          <cell r="A84" t="str">
            <v>A0100</v>
          </cell>
          <cell r="B84" t="str">
            <v>特殊作業員</v>
          </cell>
          <cell r="E84">
            <v>1</v>
          </cell>
          <cell r="F84" t="str">
            <v>人</v>
          </cell>
          <cell r="G84">
            <v>18300</v>
          </cell>
        </row>
        <row r="85">
          <cell r="A85" t="str">
            <v>A0200</v>
          </cell>
          <cell r="B85" t="str">
            <v>普通作業員</v>
          </cell>
          <cell r="E85">
            <v>1</v>
          </cell>
          <cell r="F85" t="str">
            <v>人</v>
          </cell>
          <cell r="G85">
            <v>15400</v>
          </cell>
        </row>
        <row r="86">
          <cell r="A86" t="str">
            <v>A3100</v>
          </cell>
          <cell r="B86" t="str">
            <v>配管工</v>
          </cell>
          <cell r="E86">
            <v>1</v>
          </cell>
          <cell r="F86" t="str">
            <v>人</v>
          </cell>
          <cell r="G86">
            <v>17500</v>
          </cell>
        </row>
        <row r="87">
          <cell r="A87" t="str">
            <v>A4000</v>
          </cell>
          <cell r="B87" t="str">
            <v>世話役</v>
          </cell>
          <cell r="E87">
            <v>1</v>
          </cell>
          <cell r="F87" t="str">
            <v>人</v>
          </cell>
          <cell r="G87">
            <v>21300</v>
          </cell>
        </row>
        <row r="88">
          <cell r="A88" t="str">
            <v>Bコード</v>
          </cell>
        </row>
        <row r="89">
          <cell r="A89" t="str">
            <v>B7021</v>
          </cell>
          <cell r="B89" t="str">
            <v>区画線設置工</v>
          </cell>
          <cell r="D89" t="str">
            <v>実線　白線　W=15cm</v>
          </cell>
          <cell r="E89">
            <v>1</v>
          </cell>
          <cell r="F89" t="str">
            <v>ｍ</v>
          </cell>
          <cell r="G89">
            <v>257</v>
          </cell>
        </row>
        <row r="90">
          <cell r="A90" t="str">
            <v>B7023</v>
          </cell>
          <cell r="B90" t="str">
            <v>区画線設置工</v>
          </cell>
          <cell r="D90" t="str">
            <v>実線　白線　W=30cm</v>
          </cell>
          <cell r="E90">
            <v>1</v>
          </cell>
          <cell r="F90" t="str">
            <v>ｍ</v>
          </cell>
          <cell r="G90">
            <v>442</v>
          </cell>
        </row>
        <row r="91">
          <cell r="A91" t="str">
            <v>B7033</v>
          </cell>
          <cell r="B91" t="str">
            <v>区画線設置工</v>
          </cell>
          <cell r="D91" t="str">
            <v>実線　白線　W=45cm</v>
          </cell>
          <cell r="E91">
            <v>1</v>
          </cell>
          <cell r="F91" t="str">
            <v>ｍ</v>
          </cell>
          <cell r="G91">
            <v>625</v>
          </cell>
        </row>
        <row r="92">
          <cell r="A92" t="str">
            <v>B7036</v>
          </cell>
          <cell r="B92" t="str">
            <v>区画線設置工</v>
          </cell>
          <cell r="D92" t="str">
            <v>文字　白</v>
          </cell>
          <cell r="E92">
            <v>1</v>
          </cell>
          <cell r="F92" t="str">
            <v>ｍ</v>
          </cell>
          <cell r="G92">
            <v>507</v>
          </cell>
        </row>
        <row r="93">
          <cell r="A93" t="str">
            <v>B7036</v>
          </cell>
          <cell r="B93" t="str">
            <v>区画線設置工</v>
          </cell>
          <cell r="D93" t="str">
            <v>文字　黄</v>
          </cell>
          <cell r="E93">
            <v>1</v>
          </cell>
          <cell r="F93" t="str">
            <v>ｍ</v>
          </cell>
          <cell r="G93">
            <v>507</v>
          </cell>
        </row>
        <row r="94">
          <cell r="A94" t="str">
            <v>Cコード</v>
          </cell>
        </row>
        <row r="95">
          <cell r="A95" t="str">
            <v>C0041</v>
          </cell>
          <cell r="B95" t="str">
            <v>モルタルライニング Ｋ形 第３種ダクタイル鋳鉄管</v>
          </cell>
          <cell r="D95" t="str">
            <v>φ75×4.00ｍ</v>
          </cell>
          <cell r="E95">
            <v>1</v>
          </cell>
          <cell r="F95" t="str">
            <v>本</v>
          </cell>
          <cell r="G95">
            <v>10800</v>
          </cell>
          <cell r="H95" t="str">
            <v>52.1kg</v>
          </cell>
        </row>
        <row r="96">
          <cell r="A96" t="str">
            <v>C0042</v>
          </cell>
          <cell r="B96" t="str">
            <v>モルタルライニング Ｋ形 第３種ダクタイル鋳鉄管</v>
          </cell>
          <cell r="D96" t="str">
            <v>φ100×4.00ｍ</v>
          </cell>
          <cell r="E96">
            <v>1</v>
          </cell>
          <cell r="F96" t="str">
            <v>本</v>
          </cell>
          <cell r="G96">
            <v>14000</v>
          </cell>
          <cell r="H96" t="str">
            <v>67.0kg</v>
          </cell>
        </row>
        <row r="97">
          <cell r="A97" t="str">
            <v>C0043</v>
          </cell>
          <cell r="B97" t="str">
            <v>モルタルライニング Ｋ形 第３種ダクタイル鋳鉄管</v>
          </cell>
          <cell r="D97" t="str">
            <v>φ150×5.00ｍ</v>
          </cell>
          <cell r="E97">
            <v>1</v>
          </cell>
          <cell r="F97" t="str">
            <v>本</v>
          </cell>
          <cell r="G97">
            <v>24800</v>
          </cell>
          <cell r="H97" t="str">
            <v>119.0kg</v>
          </cell>
        </row>
        <row r="98">
          <cell r="A98" t="str">
            <v>C0044</v>
          </cell>
          <cell r="B98" t="str">
            <v>モルタルライニング Ｋ形 第３種ダクタイル鋳鉄管</v>
          </cell>
          <cell r="D98" t="str">
            <v>φ200×5.00ｍ</v>
          </cell>
          <cell r="E98">
            <v>1</v>
          </cell>
          <cell r="F98" t="str">
            <v>本</v>
          </cell>
          <cell r="G98">
            <v>32800</v>
          </cell>
          <cell r="H98" t="str">
            <v>157.0kg</v>
          </cell>
        </row>
        <row r="99">
          <cell r="A99" t="str">
            <v>C0045</v>
          </cell>
          <cell r="B99" t="str">
            <v>モルタルライニング Ｋ形 第３種ダクタイル鋳鉄管</v>
          </cell>
          <cell r="D99" t="str">
            <v>φ250×5.00ｍ</v>
          </cell>
          <cell r="E99">
            <v>1</v>
          </cell>
          <cell r="F99" t="str">
            <v>本</v>
          </cell>
          <cell r="G99">
            <v>40700</v>
          </cell>
          <cell r="H99" t="str">
            <v>195.0kg</v>
          </cell>
        </row>
        <row r="100">
          <cell r="A100" t="str">
            <v>C1701</v>
          </cell>
          <cell r="B100" t="str">
            <v>ダクタイル鋳鉄管　特殊押輪</v>
          </cell>
          <cell r="D100" t="str">
            <v>K形　φ75</v>
          </cell>
          <cell r="E100">
            <v>1</v>
          </cell>
          <cell r="F100" t="str">
            <v>組</v>
          </cell>
          <cell r="G100">
            <v>2490</v>
          </cell>
        </row>
        <row r="101">
          <cell r="A101" t="str">
            <v>C1702</v>
          </cell>
          <cell r="B101" t="str">
            <v>ダクタイル鋳鉄管　特殊押輪</v>
          </cell>
          <cell r="D101" t="str">
            <v>K形　φ100</v>
          </cell>
          <cell r="E101">
            <v>1</v>
          </cell>
          <cell r="F101" t="str">
            <v>組</v>
          </cell>
          <cell r="G101">
            <v>2910</v>
          </cell>
        </row>
        <row r="102">
          <cell r="A102" t="str">
            <v>C1703</v>
          </cell>
          <cell r="B102" t="str">
            <v>ダクタイル鋳鉄管　特殊押輪</v>
          </cell>
          <cell r="D102" t="str">
            <v>K形　φ150</v>
          </cell>
          <cell r="E102">
            <v>1</v>
          </cell>
          <cell r="F102" t="str">
            <v>組</v>
          </cell>
          <cell r="G102">
            <v>4360</v>
          </cell>
        </row>
        <row r="103">
          <cell r="A103" t="str">
            <v>C1704</v>
          </cell>
          <cell r="B103" t="str">
            <v>ダクタイル鋳鉄管　特殊押輪</v>
          </cell>
          <cell r="D103" t="str">
            <v>K形　φ200</v>
          </cell>
          <cell r="E103">
            <v>1</v>
          </cell>
          <cell r="F103" t="str">
            <v>組</v>
          </cell>
          <cell r="G103">
            <v>4900</v>
          </cell>
        </row>
        <row r="104">
          <cell r="A104" t="str">
            <v>C1705</v>
          </cell>
          <cell r="B104" t="str">
            <v>ダクタイル鋳鉄管　特殊押輪</v>
          </cell>
          <cell r="D104" t="str">
            <v>K形　φ250</v>
          </cell>
          <cell r="E104">
            <v>1</v>
          </cell>
          <cell r="F104" t="str">
            <v>組</v>
          </cell>
          <cell r="G104">
            <v>6630</v>
          </cell>
        </row>
        <row r="105">
          <cell r="A105" t="str">
            <v>C1861</v>
          </cell>
          <cell r="B105" t="str">
            <v>ダクタイル鋳鉄管　普通押輪</v>
          </cell>
          <cell r="D105" t="str">
            <v>K形　φ75</v>
          </cell>
          <cell r="E105">
            <v>1</v>
          </cell>
          <cell r="F105" t="str">
            <v>組</v>
          </cell>
          <cell r="G105">
            <v>1496</v>
          </cell>
        </row>
        <row r="106">
          <cell r="A106" t="str">
            <v>C1862</v>
          </cell>
          <cell r="B106" t="str">
            <v>ダクタイル鋳鉄管　普通押輪</v>
          </cell>
          <cell r="D106" t="str">
            <v>K形　φ100</v>
          </cell>
          <cell r="E106">
            <v>1</v>
          </cell>
          <cell r="F106" t="str">
            <v>組</v>
          </cell>
          <cell r="G106">
            <v>1880</v>
          </cell>
        </row>
        <row r="107">
          <cell r="A107" t="str">
            <v>C1863</v>
          </cell>
          <cell r="B107" t="str">
            <v>ダクタイル鋳鉄管　普通押輪</v>
          </cell>
          <cell r="D107" t="str">
            <v>K形　φ150</v>
          </cell>
          <cell r="E107">
            <v>1</v>
          </cell>
          <cell r="F107" t="str">
            <v>組</v>
          </cell>
          <cell r="G107">
            <v>2800</v>
          </cell>
        </row>
        <row r="108">
          <cell r="A108" t="str">
            <v>C1864</v>
          </cell>
          <cell r="B108" t="str">
            <v>ダクタイル鋳鉄管　普通押輪</v>
          </cell>
          <cell r="D108" t="str">
            <v>K形　φ200</v>
          </cell>
          <cell r="E108">
            <v>1</v>
          </cell>
          <cell r="F108" t="str">
            <v>組</v>
          </cell>
          <cell r="G108">
            <v>3278</v>
          </cell>
        </row>
        <row r="109">
          <cell r="A109" t="str">
            <v>C1865</v>
          </cell>
          <cell r="B109" t="str">
            <v>ダクタイル鋳鉄管　普通押輪</v>
          </cell>
          <cell r="D109" t="str">
            <v>K形　φ250</v>
          </cell>
          <cell r="E109">
            <v>1</v>
          </cell>
          <cell r="F109" t="str">
            <v>組</v>
          </cell>
          <cell r="G109">
            <v>4420</v>
          </cell>
        </row>
        <row r="110">
          <cell r="A110" t="str">
            <v>C2120</v>
          </cell>
          <cell r="B110" t="str">
            <v>ポリスリーブ用　　　　　　粘着テープ</v>
          </cell>
          <cell r="E110">
            <v>1</v>
          </cell>
          <cell r="F110" t="str">
            <v>巻</v>
          </cell>
          <cell r="G110">
            <v>240</v>
          </cell>
        </row>
        <row r="111">
          <cell r="A111" t="str">
            <v>C2121</v>
          </cell>
          <cell r="B111" t="str">
            <v>ポリエチレンスリーブ</v>
          </cell>
          <cell r="D111" t="str">
            <v>φ75</v>
          </cell>
          <cell r="E111">
            <v>1</v>
          </cell>
          <cell r="F111" t="str">
            <v>本</v>
          </cell>
          <cell r="G111">
            <v>656</v>
          </cell>
          <cell r="H111" t="str">
            <v>材料のみ　固定ﾊﾞﾝﾄﾞ含まない</v>
          </cell>
        </row>
        <row r="112">
          <cell r="A112" t="str">
            <v>C2122</v>
          </cell>
          <cell r="B112" t="str">
            <v>ポリエチレンスリーブ</v>
          </cell>
          <cell r="D112" t="str">
            <v>φ100</v>
          </cell>
          <cell r="E112">
            <v>1</v>
          </cell>
          <cell r="F112" t="str">
            <v>本</v>
          </cell>
          <cell r="G112">
            <v>720</v>
          </cell>
          <cell r="H112" t="str">
            <v>材料のみ　固定ﾊﾞﾝﾄﾞ含まない</v>
          </cell>
        </row>
        <row r="113">
          <cell r="A113" t="str">
            <v>C2123</v>
          </cell>
          <cell r="B113" t="str">
            <v>ポリエチレンスリーブ</v>
          </cell>
          <cell r="D113" t="str">
            <v>φ150</v>
          </cell>
          <cell r="E113">
            <v>1</v>
          </cell>
          <cell r="F113" t="str">
            <v>本</v>
          </cell>
          <cell r="G113">
            <v>1040</v>
          </cell>
          <cell r="H113" t="str">
            <v>材料のみ　固定ﾊﾞﾝﾄﾞ含まない</v>
          </cell>
        </row>
        <row r="114">
          <cell r="A114" t="str">
            <v>C2124</v>
          </cell>
          <cell r="B114" t="str">
            <v>ポリエチレンスリーブ</v>
          </cell>
          <cell r="D114" t="str">
            <v>φ200</v>
          </cell>
          <cell r="E114">
            <v>1</v>
          </cell>
          <cell r="F114" t="str">
            <v>本</v>
          </cell>
          <cell r="G114">
            <v>1200</v>
          </cell>
          <cell r="H114" t="str">
            <v>材料のみ　固定ﾊﾞﾝﾄﾞ含まない</v>
          </cell>
        </row>
        <row r="115">
          <cell r="A115" t="str">
            <v>C2125</v>
          </cell>
          <cell r="B115" t="str">
            <v>ポリエチレンスリーブ</v>
          </cell>
          <cell r="D115" t="str">
            <v>φ250</v>
          </cell>
          <cell r="E115">
            <v>1</v>
          </cell>
          <cell r="F115" t="str">
            <v>本</v>
          </cell>
          <cell r="G115">
            <v>1360</v>
          </cell>
          <cell r="H115" t="str">
            <v>材料のみ　固定ﾊﾞﾝﾄﾞ含まない</v>
          </cell>
        </row>
        <row r="116">
          <cell r="A116" t="str">
            <v>C2126</v>
          </cell>
          <cell r="B116" t="str">
            <v>ポリエチレンスリーブ</v>
          </cell>
          <cell r="D116" t="str">
            <v>φ300</v>
          </cell>
          <cell r="E116">
            <v>1</v>
          </cell>
          <cell r="F116" t="str">
            <v>本</v>
          </cell>
          <cell r="G116">
            <v>1860</v>
          </cell>
          <cell r="H116" t="str">
            <v>材料のみ　固定ﾊﾞﾝﾄﾞ含まない</v>
          </cell>
        </row>
        <row r="117">
          <cell r="A117" t="str">
            <v>C2136</v>
          </cell>
          <cell r="B117" t="str">
            <v>固定ゴムバンド</v>
          </cell>
          <cell r="D117" t="str">
            <v>φ75</v>
          </cell>
          <cell r="E117">
            <v>1</v>
          </cell>
          <cell r="F117" t="str">
            <v>組</v>
          </cell>
          <cell r="G117">
            <v>58</v>
          </cell>
        </row>
        <row r="118">
          <cell r="A118" t="str">
            <v>C2137</v>
          </cell>
          <cell r="B118" t="str">
            <v>固定ゴムバンド</v>
          </cell>
          <cell r="D118" t="str">
            <v>φ100</v>
          </cell>
          <cell r="E118">
            <v>1</v>
          </cell>
          <cell r="F118" t="str">
            <v>組</v>
          </cell>
          <cell r="G118">
            <v>67</v>
          </cell>
        </row>
        <row r="119">
          <cell r="A119" t="str">
            <v>C2138</v>
          </cell>
          <cell r="B119" t="str">
            <v>固定ゴムバンド</v>
          </cell>
          <cell r="D119" t="str">
            <v>φ150</v>
          </cell>
          <cell r="E119">
            <v>1</v>
          </cell>
          <cell r="F119" t="str">
            <v>組</v>
          </cell>
          <cell r="G119">
            <v>76</v>
          </cell>
        </row>
        <row r="120">
          <cell r="A120" t="str">
            <v>C2139</v>
          </cell>
          <cell r="B120" t="str">
            <v>固定ゴムバンド</v>
          </cell>
          <cell r="D120" t="str">
            <v>φ200</v>
          </cell>
          <cell r="E120">
            <v>1</v>
          </cell>
          <cell r="F120" t="str">
            <v>組</v>
          </cell>
          <cell r="G120">
            <v>94</v>
          </cell>
        </row>
        <row r="121">
          <cell r="A121" t="str">
            <v>C2140</v>
          </cell>
          <cell r="B121" t="str">
            <v>固定ゴムバンド</v>
          </cell>
          <cell r="D121" t="str">
            <v>φ250</v>
          </cell>
          <cell r="E121">
            <v>1</v>
          </cell>
          <cell r="F121" t="str">
            <v>組</v>
          </cell>
          <cell r="G121">
            <v>112</v>
          </cell>
        </row>
        <row r="122">
          <cell r="A122" t="str">
            <v>C2141</v>
          </cell>
          <cell r="B122" t="str">
            <v>固定ゴムバンド</v>
          </cell>
          <cell r="D122" t="str">
            <v>φ300</v>
          </cell>
          <cell r="E122">
            <v>1</v>
          </cell>
          <cell r="F122" t="str">
            <v>組</v>
          </cell>
          <cell r="G122">
            <v>121</v>
          </cell>
        </row>
        <row r="123">
          <cell r="A123" t="str">
            <v>Rコード</v>
          </cell>
        </row>
        <row r="124">
          <cell r="A124" t="str">
            <v>R0035</v>
          </cell>
          <cell r="B124" t="str">
            <v>基面整正工</v>
          </cell>
          <cell r="D124" t="str">
            <v>人力</v>
          </cell>
          <cell r="E124">
            <v>1</v>
          </cell>
          <cell r="F124" t="str">
            <v>ｍ2</v>
          </cell>
          <cell r="G124">
            <v>308</v>
          </cell>
        </row>
        <row r="125">
          <cell r="A125" t="str">
            <v>R0092</v>
          </cell>
          <cell r="B125" t="str">
            <v>小車運搬工</v>
          </cell>
          <cell r="D125" t="str">
            <v>砂　Ｌ＝40m</v>
          </cell>
          <cell r="E125">
            <v>1</v>
          </cell>
          <cell r="F125" t="str">
            <v>ｔ</v>
          </cell>
          <cell r="G125">
            <v>1540</v>
          </cell>
        </row>
        <row r="126">
          <cell r="A126" t="str">
            <v>R0092</v>
          </cell>
          <cell r="B126" t="str">
            <v>小車運搬工</v>
          </cell>
          <cell r="D126" t="str">
            <v>RC-40　Ｌ＝40m</v>
          </cell>
          <cell r="E126">
            <v>1</v>
          </cell>
          <cell r="F126" t="str">
            <v>ｔ</v>
          </cell>
          <cell r="G126">
            <v>1540</v>
          </cell>
        </row>
        <row r="127">
          <cell r="A127" t="str">
            <v>R0307</v>
          </cell>
          <cell r="B127" t="str">
            <v>鋼管据付工</v>
          </cell>
          <cell r="D127" t="str">
            <v>65A</v>
          </cell>
          <cell r="E127">
            <v>1</v>
          </cell>
          <cell r="F127" t="str">
            <v>ｍ</v>
          </cell>
          <cell r="G127">
            <v>704</v>
          </cell>
        </row>
        <row r="128">
          <cell r="A128" t="str">
            <v>R0310</v>
          </cell>
          <cell r="B128" t="str">
            <v>鋼管据付工</v>
          </cell>
          <cell r="D128" t="str">
            <v>150A</v>
          </cell>
          <cell r="E128">
            <v>1</v>
          </cell>
          <cell r="F128" t="str">
            <v>ｍ</v>
          </cell>
          <cell r="G128">
            <v>1064</v>
          </cell>
        </row>
        <row r="129">
          <cell r="A129" t="str">
            <v>R0317</v>
          </cell>
          <cell r="B129" t="str">
            <v>鋼管継手工</v>
          </cell>
          <cell r="D129" t="str">
            <v>65A</v>
          </cell>
          <cell r="E129">
            <v>1</v>
          </cell>
          <cell r="F129" t="str">
            <v>ヶ所</v>
          </cell>
          <cell r="G129">
            <v>3886</v>
          </cell>
        </row>
        <row r="130">
          <cell r="A130" t="str">
            <v>R0320</v>
          </cell>
          <cell r="B130" t="str">
            <v>鋼管継手工</v>
          </cell>
          <cell r="D130" t="str">
            <v>150A</v>
          </cell>
          <cell r="E130">
            <v>1</v>
          </cell>
          <cell r="F130" t="str">
            <v>ヶ所</v>
          </cell>
          <cell r="G130">
            <v>6078</v>
          </cell>
        </row>
        <row r="131">
          <cell r="A131" t="str">
            <v>R0323</v>
          </cell>
          <cell r="B131" t="str">
            <v>硬質塩化ビニル管　据付工</v>
          </cell>
          <cell r="D131" t="str">
            <v>φ20</v>
          </cell>
          <cell r="E131">
            <v>1</v>
          </cell>
          <cell r="F131" t="str">
            <v>ｍ</v>
          </cell>
          <cell r="G131">
            <v>307</v>
          </cell>
        </row>
        <row r="132">
          <cell r="A132" t="str">
            <v>R0324</v>
          </cell>
          <cell r="B132" t="str">
            <v>硬質塩化ビニル管　据付工</v>
          </cell>
          <cell r="D132" t="str">
            <v>φ25</v>
          </cell>
          <cell r="E132">
            <v>1</v>
          </cell>
          <cell r="F132" t="str">
            <v>ｍ</v>
          </cell>
          <cell r="G132">
            <v>307</v>
          </cell>
        </row>
        <row r="133">
          <cell r="A133" t="str">
            <v>R0325</v>
          </cell>
          <cell r="B133" t="str">
            <v>硬質塩化ビニル管　据付工</v>
          </cell>
          <cell r="D133" t="str">
            <v>φ30</v>
          </cell>
          <cell r="E133">
            <v>1</v>
          </cell>
          <cell r="F133" t="str">
            <v>ｍ</v>
          </cell>
          <cell r="G133">
            <v>355</v>
          </cell>
        </row>
        <row r="134">
          <cell r="A134" t="str">
            <v>R0326</v>
          </cell>
          <cell r="B134" t="str">
            <v>硬質塩化ビニル管　据付工</v>
          </cell>
          <cell r="D134" t="str">
            <v>φ40</v>
          </cell>
          <cell r="E134">
            <v>1</v>
          </cell>
          <cell r="F134" t="str">
            <v>ｍ</v>
          </cell>
          <cell r="G134">
            <v>355</v>
          </cell>
        </row>
        <row r="135">
          <cell r="A135" t="str">
            <v>R0327</v>
          </cell>
          <cell r="B135" t="str">
            <v>硬質塩化ビニル管　据付工</v>
          </cell>
          <cell r="D135" t="str">
            <v>φ50</v>
          </cell>
          <cell r="E135">
            <v>1</v>
          </cell>
          <cell r="F135" t="str">
            <v>ｍ</v>
          </cell>
          <cell r="G135">
            <v>452</v>
          </cell>
        </row>
        <row r="136">
          <cell r="A136" t="str">
            <v>R0328</v>
          </cell>
          <cell r="B136" t="str">
            <v>硬質塩化ビニル管　据付工</v>
          </cell>
          <cell r="D136" t="str">
            <v>φ75</v>
          </cell>
          <cell r="E136">
            <v>1</v>
          </cell>
          <cell r="F136" t="str">
            <v>ｍ</v>
          </cell>
          <cell r="G136">
            <v>452</v>
          </cell>
        </row>
        <row r="137">
          <cell r="A137" t="str">
            <v>R0329</v>
          </cell>
          <cell r="B137" t="str">
            <v>硬質塩化ビニル管　据付工</v>
          </cell>
          <cell r="D137" t="str">
            <v>φ100</v>
          </cell>
          <cell r="E137">
            <v>1</v>
          </cell>
          <cell r="F137" t="str">
            <v>ｍ</v>
          </cell>
          <cell r="G137">
            <v>518</v>
          </cell>
        </row>
        <row r="138">
          <cell r="A138" t="str">
            <v>R0331</v>
          </cell>
          <cell r="B138" t="str">
            <v>硬質塩化ビニル管　据付工</v>
          </cell>
          <cell r="D138" t="str">
            <v>φ150</v>
          </cell>
          <cell r="E138">
            <v>1</v>
          </cell>
          <cell r="F138" t="str">
            <v>ｍ</v>
          </cell>
          <cell r="G138">
            <v>715</v>
          </cell>
        </row>
        <row r="139">
          <cell r="A139" t="str">
            <v>R0343</v>
          </cell>
          <cell r="B139" t="str">
            <v>硬質塩化ビニル管　継手工</v>
          </cell>
          <cell r="D139" t="str">
            <v>TS接合　φ20</v>
          </cell>
          <cell r="E139">
            <v>1</v>
          </cell>
          <cell r="F139" t="str">
            <v>口</v>
          </cell>
          <cell r="G139">
            <v>329</v>
          </cell>
        </row>
        <row r="140">
          <cell r="A140" t="str">
            <v>R0344</v>
          </cell>
          <cell r="B140" t="str">
            <v>硬質塩化ビニル管　継手工</v>
          </cell>
          <cell r="D140" t="str">
            <v>TS接合　φ25</v>
          </cell>
          <cell r="E140">
            <v>1</v>
          </cell>
          <cell r="F140" t="str">
            <v>口</v>
          </cell>
          <cell r="G140">
            <v>329</v>
          </cell>
        </row>
        <row r="141">
          <cell r="A141" t="str">
            <v>R0345</v>
          </cell>
          <cell r="B141" t="str">
            <v>硬質塩化ビニル管　継手工</v>
          </cell>
          <cell r="D141" t="str">
            <v>TS接合　φ30</v>
          </cell>
          <cell r="E141">
            <v>1</v>
          </cell>
          <cell r="F141" t="str">
            <v>口</v>
          </cell>
          <cell r="G141">
            <v>493</v>
          </cell>
        </row>
        <row r="142">
          <cell r="A142" t="str">
            <v>R0346</v>
          </cell>
          <cell r="B142" t="str">
            <v>硬質塩化ビニル管　継手工</v>
          </cell>
          <cell r="D142" t="str">
            <v>TS接合　φ40</v>
          </cell>
          <cell r="E142">
            <v>1</v>
          </cell>
          <cell r="F142" t="str">
            <v>口</v>
          </cell>
          <cell r="G142">
            <v>493</v>
          </cell>
        </row>
        <row r="143">
          <cell r="A143" t="str">
            <v>R0347</v>
          </cell>
          <cell r="B143" t="str">
            <v>硬質塩化ビニル管　継手工</v>
          </cell>
          <cell r="D143" t="str">
            <v>TS接合　φ50</v>
          </cell>
          <cell r="E143">
            <v>1</v>
          </cell>
          <cell r="F143" t="str">
            <v>口</v>
          </cell>
          <cell r="G143">
            <v>658</v>
          </cell>
        </row>
        <row r="144">
          <cell r="A144" t="str">
            <v>R0348</v>
          </cell>
          <cell r="B144" t="str">
            <v>硬質塩化ビニル管　継手工</v>
          </cell>
          <cell r="D144" t="str">
            <v>TS接合　φ75</v>
          </cell>
          <cell r="E144">
            <v>1</v>
          </cell>
          <cell r="F144" t="str">
            <v>口</v>
          </cell>
          <cell r="G144">
            <v>658</v>
          </cell>
        </row>
        <row r="145">
          <cell r="A145" t="str">
            <v>R0349</v>
          </cell>
          <cell r="B145" t="str">
            <v>硬質塩化ビニル管　継手工</v>
          </cell>
          <cell r="D145" t="str">
            <v>TS接合　φ100</v>
          </cell>
          <cell r="E145">
            <v>1</v>
          </cell>
          <cell r="F145" t="str">
            <v>口</v>
          </cell>
          <cell r="G145">
            <v>987</v>
          </cell>
        </row>
        <row r="146">
          <cell r="A146" t="str">
            <v>R0351</v>
          </cell>
          <cell r="B146" t="str">
            <v>硬質塩化ビニル管　継手工</v>
          </cell>
          <cell r="D146" t="str">
            <v>TS接合　φ150</v>
          </cell>
          <cell r="E146">
            <v>1</v>
          </cell>
          <cell r="F146" t="str">
            <v>口</v>
          </cell>
          <cell r="G146">
            <v>1151</v>
          </cell>
        </row>
        <row r="147">
          <cell r="A147" t="str">
            <v>R0354</v>
          </cell>
          <cell r="B147" t="str">
            <v>硬質塩化ビニル管　継手工</v>
          </cell>
          <cell r="D147" t="str">
            <v>RR接合　φ75</v>
          </cell>
          <cell r="E147">
            <v>1</v>
          </cell>
          <cell r="F147" t="str">
            <v>口</v>
          </cell>
          <cell r="G147">
            <v>987</v>
          </cell>
        </row>
        <row r="148">
          <cell r="A148" t="str">
            <v>R0354</v>
          </cell>
          <cell r="B148" t="str">
            <v>硬質塩化ビニル管　継手工</v>
          </cell>
          <cell r="D148" t="str">
            <v>RR接合　φ75</v>
          </cell>
          <cell r="E148">
            <v>1</v>
          </cell>
          <cell r="F148" t="str">
            <v>口</v>
          </cell>
          <cell r="G148">
            <v>1298</v>
          </cell>
          <cell r="H148" t="str">
            <v>離脱防止金具付</v>
          </cell>
        </row>
        <row r="149">
          <cell r="A149" t="str">
            <v>R0355</v>
          </cell>
          <cell r="B149" t="str">
            <v>硬質塩化ビニル管　継手工</v>
          </cell>
          <cell r="D149" t="str">
            <v>RR接合　φ100</v>
          </cell>
          <cell r="E149">
            <v>1</v>
          </cell>
          <cell r="F149" t="str">
            <v>口</v>
          </cell>
          <cell r="G149">
            <v>1645</v>
          </cell>
        </row>
        <row r="150">
          <cell r="A150" t="str">
            <v>R0357</v>
          </cell>
          <cell r="B150" t="str">
            <v>硬質塩化ビニル管　継手工</v>
          </cell>
          <cell r="D150" t="str">
            <v>RR接合　φ150</v>
          </cell>
          <cell r="E150">
            <v>1</v>
          </cell>
          <cell r="F150" t="str">
            <v>口</v>
          </cell>
          <cell r="G150">
            <v>1974</v>
          </cell>
        </row>
        <row r="151">
          <cell r="A151" t="str">
            <v>R0357</v>
          </cell>
          <cell r="B151" t="str">
            <v>硬質塩化ビニル管　継手工</v>
          </cell>
          <cell r="D151" t="str">
            <v>RR接合　φ150</v>
          </cell>
          <cell r="E151">
            <v>1</v>
          </cell>
          <cell r="F151" t="str">
            <v>口</v>
          </cell>
          <cell r="G151">
            <v>2597</v>
          </cell>
          <cell r="H151" t="str">
            <v>離脱防止金具付</v>
          </cell>
        </row>
        <row r="152">
          <cell r="A152" t="str">
            <v>R0361</v>
          </cell>
          <cell r="B152" t="str">
            <v>水道用ポリエチレン管　据付工</v>
          </cell>
          <cell r="D152" t="str">
            <v>φ13</v>
          </cell>
          <cell r="E152">
            <v>1</v>
          </cell>
          <cell r="F152" t="str">
            <v>ｍ</v>
          </cell>
          <cell r="G152">
            <v>259</v>
          </cell>
        </row>
        <row r="153">
          <cell r="A153" t="str">
            <v>R0362</v>
          </cell>
          <cell r="B153" t="str">
            <v>水道用ポリエチレン管　据付工</v>
          </cell>
          <cell r="D153" t="str">
            <v>φ20</v>
          </cell>
          <cell r="E153">
            <v>1</v>
          </cell>
          <cell r="F153" t="str">
            <v>ｍ</v>
          </cell>
          <cell r="G153">
            <v>307</v>
          </cell>
        </row>
        <row r="154">
          <cell r="A154" t="str">
            <v>R0363</v>
          </cell>
          <cell r="B154" t="str">
            <v>水道用ポリエチレン管　据付工</v>
          </cell>
          <cell r="D154" t="str">
            <v>φ25</v>
          </cell>
          <cell r="E154">
            <v>1</v>
          </cell>
          <cell r="F154" t="str">
            <v>ｍ</v>
          </cell>
          <cell r="G154">
            <v>307</v>
          </cell>
        </row>
        <row r="155">
          <cell r="A155" t="str">
            <v>R0364</v>
          </cell>
          <cell r="B155" t="str">
            <v>水道用ポリエチレン管　据付工</v>
          </cell>
          <cell r="D155" t="str">
            <v>φ30</v>
          </cell>
          <cell r="E155">
            <v>1</v>
          </cell>
          <cell r="F155" t="str">
            <v>ｍ</v>
          </cell>
          <cell r="G155">
            <v>355</v>
          </cell>
        </row>
        <row r="156">
          <cell r="A156" t="str">
            <v>R0365</v>
          </cell>
          <cell r="B156" t="str">
            <v>水道用ポリエチレン管　据付工</v>
          </cell>
          <cell r="D156" t="str">
            <v>φ40</v>
          </cell>
          <cell r="E156">
            <v>1</v>
          </cell>
          <cell r="F156" t="str">
            <v>ｍ</v>
          </cell>
          <cell r="G156">
            <v>355</v>
          </cell>
        </row>
        <row r="157">
          <cell r="A157" t="str">
            <v>R0366</v>
          </cell>
          <cell r="B157" t="str">
            <v>水道用ポリエチレン管　据付工</v>
          </cell>
          <cell r="D157" t="str">
            <v>φ50</v>
          </cell>
          <cell r="E157">
            <v>1</v>
          </cell>
          <cell r="F157" t="str">
            <v>ｍ</v>
          </cell>
          <cell r="G157">
            <v>452</v>
          </cell>
        </row>
        <row r="158">
          <cell r="A158" t="str">
            <v>R0371</v>
          </cell>
          <cell r="B158" t="str">
            <v>水道用ポリエチレン管　継手工</v>
          </cell>
          <cell r="D158" t="str">
            <v>φ13</v>
          </cell>
          <cell r="E158">
            <v>1</v>
          </cell>
          <cell r="F158" t="str">
            <v>口</v>
          </cell>
          <cell r="G158">
            <v>329</v>
          </cell>
        </row>
        <row r="159">
          <cell r="A159" t="str">
            <v>R0372</v>
          </cell>
          <cell r="B159" t="str">
            <v>水道用ポリエチレン管　継手工</v>
          </cell>
          <cell r="D159" t="str">
            <v>φ20</v>
          </cell>
          <cell r="E159">
            <v>1</v>
          </cell>
          <cell r="F159" t="str">
            <v>口</v>
          </cell>
          <cell r="G159">
            <v>658</v>
          </cell>
        </row>
        <row r="160">
          <cell r="A160" t="str">
            <v>R0373</v>
          </cell>
          <cell r="B160" t="str">
            <v>水道用ポリエチレン管　継手工</v>
          </cell>
          <cell r="D160" t="str">
            <v>φ25</v>
          </cell>
          <cell r="E160">
            <v>1</v>
          </cell>
          <cell r="F160" t="str">
            <v>口</v>
          </cell>
          <cell r="G160">
            <v>658</v>
          </cell>
        </row>
        <row r="161">
          <cell r="A161" t="str">
            <v>R0374</v>
          </cell>
          <cell r="B161" t="str">
            <v>水道用ポリエチレン管　継手工</v>
          </cell>
          <cell r="D161" t="str">
            <v>φ30</v>
          </cell>
          <cell r="E161">
            <v>1</v>
          </cell>
          <cell r="F161" t="str">
            <v>口</v>
          </cell>
          <cell r="G161">
            <v>987</v>
          </cell>
        </row>
        <row r="162">
          <cell r="A162" t="str">
            <v>R0375</v>
          </cell>
          <cell r="B162" t="str">
            <v>水道用ポリエチレン管　継手工</v>
          </cell>
          <cell r="D162" t="str">
            <v>φ40</v>
          </cell>
          <cell r="E162">
            <v>1</v>
          </cell>
          <cell r="F162" t="str">
            <v>口</v>
          </cell>
          <cell r="G162">
            <v>987</v>
          </cell>
        </row>
        <row r="163">
          <cell r="A163" t="str">
            <v>R0376</v>
          </cell>
          <cell r="B163" t="str">
            <v>水道用ポリエチレン管　継手工</v>
          </cell>
          <cell r="D163" t="str">
            <v>φ50</v>
          </cell>
          <cell r="E163">
            <v>1</v>
          </cell>
          <cell r="F163" t="str">
            <v>口</v>
          </cell>
          <cell r="G163">
            <v>1316</v>
          </cell>
        </row>
        <row r="164">
          <cell r="A164" t="str">
            <v>R0401</v>
          </cell>
          <cell r="B164" t="str">
            <v>空気弁取付工</v>
          </cell>
          <cell r="D164" t="str">
            <v>人力　φ25</v>
          </cell>
          <cell r="E164">
            <v>1</v>
          </cell>
          <cell r="F164" t="str">
            <v>基</v>
          </cell>
          <cell r="G164">
            <v>770</v>
          </cell>
        </row>
        <row r="165">
          <cell r="A165" t="str">
            <v>R1131</v>
          </cell>
          <cell r="B165" t="str">
            <v>管路埋戻工･埋戻工Ａ</v>
          </cell>
          <cell r="E165">
            <v>1</v>
          </cell>
          <cell r="F165" t="str">
            <v>ｍ3</v>
          </cell>
          <cell r="G165">
            <v>2059</v>
          </cell>
          <cell r="H165" t="str">
            <v>幅1.0m未満　B/H0.35m3級</v>
          </cell>
        </row>
        <row r="166">
          <cell r="A166" t="str">
            <v>Uコード</v>
          </cell>
        </row>
        <row r="167">
          <cell r="A167" t="str">
            <v>U0102</v>
          </cell>
          <cell r="B167" t="str">
            <v>掘削工</v>
          </cell>
          <cell r="D167" t="str">
            <v>人力</v>
          </cell>
          <cell r="E167">
            <v>1</v>
          </cell>
          <cell r="F167" t="str">
            <v>ｍ3</v>
          </cell>
          <cell r="G167">
            <v>3542</v>
          </cell>
        </row>
        <row r="168">
          <cell r="A168" t="str">
            <v>U0106</v>
          </cell>
          <cell r="B168" t="str">
            <v>埋戻工</v>
          </cell>
          <cell r="D168" t="str">
            <v>人力</v>
          </cell>
          <cell r="E168">
            <v>1</v>
          </cell>
          <cell r="F168" t="str">
            <v>ｍ3</v>
          </cell>
          <cell r="G168">
            <v>4590</v>
          </cell>
        </row>
        <row r="169">
          <cell r="A169" t="str">
            <v>U8053</v>
          </cell>
          <cell r="B169" t="str">
            <v>鋳鉄管据付工</v>
          </cell>
          <cell r="D169" t="str">
            <v>機械力  φ150</v>
          </cell>
          <cell r="E169">
            <v>1</v>
          </cell>
          <cell r="F169" t="str">
            <v>ｍ</v>
          </cell>
          <cell r="G169">
            <v>624</v>
          </cell>
        </row>
        <row r="170">
          <cell r="A170" t="str">
            <v>U8053</v>
          </cell>
          <cell r="B170" t="str">
            <v>鋳鉄管据付工</v>
          </cell>
          <cell r="D170" t="str">
            <v>機械力  φ200</v>
          </cell>
          <cell r="E170">
            <v>1</v>
          </cell>
          <cell r="F170" t="str">
            <v>ｍ</v>
          </cell>
          <cell r="G170">
            <v>669</v>
          </cell>
        </row>
        <row r="171">
          <cell r="A171" t="str">
            <v>U8053</v>
          </cell>
          <cell r="B171" t="str">
            <v>鋳鉄管据付工</v>
          </cell>
          <cell r="D171" t="str">
            <v>機械力  φ250</v>
          </cell>
          <cell r="E171">
            <v>1</v>
          </cell>
          <cell r="F171" t="str">
            <v>ｍ</v>
          </cell>
          <cell r="G171">
            <v>713</v>
          </cell>
        </row>
        <row r="172">
          <cell r="A172" t="str">
            <v>U8061</v>
          </cell>
          <cell r="B172" t="str">
            <v>メカニカル鋳鉄管　継手工</v>
          </cell>
          <cell r="D172" t="str">
            <v>φ75</v>
          </cell>
          <cell r="E172">
            <v>1</v>
          </cell>
          <cell r="F172" t="str">
            <v>口</v>
          </cell>
          <cell r="G172">
            <v>1661</v>
          </cell>
        </row>
        <row r="173">
          <cell r="A173" t="str">
            <v>U8061</v>
          </cell>
          <cell r="B173" t="str">
            <v>メカニカル鋳鉄管　継手工</v>
          </cell>
          <cell r="D173" t="str">
            <v>φ100</v>
          </cell>
          <cell r="E173">
            <v>1</v>
          </cell>
          <cell r="F173" t="str">
            <v>口</v>
          </cell>
          <cell r="G173">
            <v>1661</v>
          </cell>
        </row>
        <row r="174">
          <cell r="A174" t="str">
            <v>U8061</v>
          </cell>
          <cell r="B174" t="str">
            <v>メカニカル鋳鉄管　継手工</v>
          </cell>
          <cell r="D174" t="str">
            <v>φ150</v>
          </cell>
          <cell r="E174">
            <v>1</v>
          </cell>
          <cell r="F174" t="str">
            <v>口</v>
          </cell>
          <cell r="G174">
            <v>1993</v>
          </cell>
        </row>
        <row r="175">
          <cell r="A175" t="str">
            <v>U8061</v>
          </cell>
          <cell r="B175" t="str">
            <v>メカニカル鋳鉄管　継手工</v>
          </cell>
          <cell r="D175" t="str">
            <v>φ200</v>
          </cell>
          <cell r="E175">
            <v>1</v>
          </cell>
          <cell r="F175" t="str">
            <v>口</v>
          </cell>
          <cell r="G175">
            <v>2326</v>
          </cell>
        </row>
        <row r="176">
          <cell r="A176" t="str">
            <v>U8061</v>
          </cell>
          <cell r="B176" t="str">
            <v>メカニカル鋳鉄管　継手工</v>
          </cell>
          <cell r="D176" t="str">
            <v>φ250</v>
          </cell>
          <cell r="E176">
            <v>1</v>
          </cell>
          <cell r="F176" t="str">
            <v>口</v>
          </cell>
          <cell r="G176">
            <v>2658</v>
          </cell>
        </row>
        <row r="177">
          <cell r="A177" t="str">
            <v>U8061</v>
          </cell>
          <cell r="B177" t="str">
            <v>メカニカル鋳鉄管接合工</v>
          </cell>
          <cell r="D177" t="str">
            <v>特殊押輪  φ75</v>
          </cell>
          <cell r="E177">
            <v>1</v>
          </cell>
          <cell r="F177" t="str">
            <v>口</v>
          </cell>
          <cell r="G177">
            <v>1993</v>
          </cell>
        </row>
        <row r="178">
          <cell r="A178" t="str">
            <v>U8061</v>
          </cell>
          <cell r="B178" t="str">
            <v>メカニカル鋳鉄管接合工</v>
          </cell>
          <cell r="D178" t="str">
            <v>特殊押輪  φ100</v>
          </cell>
          <cell r="E178">
            <v>1</v>
          </cell>
          <cell r="F178" t="str">
            <v>口</v>
          </cell>
          <cell r="G178">
            <v>1993</v>
          </cell>
        </row>
        <row r="179">
          <cell r="A179" t="str">
            <v>U8061</v>
          </cell>
          <cell r="B179" t="str">
            <v>メカニカル鋳鉄管接合工</v>
          </cell>
          <cell r="D179" t="str">
            <v>特殊押輪  φ150</v>
          </cell>
          <cell r="E179">
            <v>1</v>
          </cell>
          <cell r="F179" t="str">
            <v>口</v>
          </cell>
          <cell r="G179">
            <v>2326</v>
          </cell>
        </row>
        <row r="180">
          <cell r="A180" t="str">
            <v>U8061</v>
          </cell>
          <cell r="B180" t="str">
            <v>メカニカル鋳鉄管接合工</v>
          </cell>
          <cell r="D180" t="str">
            <v>特殊押輪  φ200</v>
          </cell>
          <cell r="E180">
            <v>1</v>
          </cell>
          <cell r="F180" t="str">
            <v>口</v>
          </cell>
          <cell r="G180">
            <v>2658</v>
          </cell>
        </row>
        <row r="181">
          <cell r="A181" t="str">
            <v>U8061</v>
          </cell>
          <cell r="B181" t="str">
            <v>メカニカル鋳鉄管接合工</v>
          </cell>
          <cell r="D181" t="str">
            <v>特殊押輪  φ250</v>
          </cell>
          <cell r="E181">
            <v>1</v>
          </cell>
          <cell r="F181" t="str">
            <v>口</v>
          </cell>
          <cell r="G181">
            <v>2990</v>
          </cell>
        </row>
        <row r="182">
          <cell r="A182" t="str">
            <v>U8061</v>
          </cell>
          <cell r="B182" t="str">
            <v>メカニカル鋳鉄管接合工</v>
          </cell>
          <cell r="D182" t="str">
            <v>普通押輪  φ75</v>
          </cell>
          <cell r="E182">
            <v>1</v>
          </cell>
          <cell r="F182" t="str">
            <v>口</v>
          </cell>
          <cell r="G182">
            <v>1661</v>
          </cell>
        </row>
        <row r="183">
          <cell r="A183" t="str">
            <v>U8061</v>
          </cell>
          <cell r="B183" t="str">
            <v>メカニカル鋳鉄管接合工</v>
          </cell>
          <cell r="D183" t="str">
            <v>普通押輪  φ100</v>
          </cell>
          <cell r="E183">
            <v>1</v>
          </cell>
          <cell r="F183" t="str">
            <v>口</v>
          </cell>
          <cell r="G183">
            <v>1661</v>
          </cell>
        </row>
        <row r="184">
          <cell r="A184" t="str">
            <v>U8061</v>
          </cell>
          <cell r="B184" t="str">
            <v>メカニカル鋳鉄管接合工</v>
          </cell>
          <cell r="D184" t="str">
            <v>普通押輪  φ150</v>
          </cell>
          <cell r="E184">
            <v>1</v>
          </cell>
          <cell r="F184" t="str">
            <v>口</v>
          </cell>
          <cell r="G184">
            <v>1993</v>
          </cell>
        </row>
        <row r="185">
          <cell r="A185" t="str">
            <v>U8061</v>
          </cell>
          <cell r="B185" t="str">
            <v>メカニカル鋳鉄管接合工</v>
          </cell>
          <cell r="D185" t="str">
            <v>普通押輪  φ200</v>
          </cell>
          <cell r="E185">
            <v>1</v>
          </cell>
          <cell r="F185" t="str">
            <v>口</v>
          </cell>
          <cell r="G185">
            <v>2326</v>
          </cell>
        </row>
        <row r="186">
          <cell r="A186" t="str">
            <v>U8061</v>
          </cell>
          <cell r="B186" t="str">
            <v>メカニカル鋳鉄管接合工</v>
          </cell>
          <cell r="D186" t="str">
            <v>普通押輪  φ250</v>
          </cell>
          <cell r="E186">
            <v>1</v>
          </cell>
          <cell r="F186" t="str">
            <v>口</v>
          </cell>
          <cell r="G186">
            <v>2658</v>
          </cell>
        </row>
        <row r="187">
          <cell r="A187" t="str">
            <v>U8062</v>
          </cell>
          <cell r="B187" t="str">
            <v>フランジ接合工</v>
          </cell>
          <cell r="D187" t="str">
            <v>φ75</v>
          </cell>
          <cell r="E187">
            <v>1</v>
          </cell>
          <cell r="F187" t="str">
            <v>口</v>
          </cell>
          <cell r="G187">
            <v>1661</v>
          </cell>
        </row>
        <row r="188">
          <cell r="A188" t="str">
            <v>U8062</v>
          </cell>
          <cell r="B188" t="str">
            <v>フランジ接合工</v>
          </cell>
          <cell r="D188" t="str">
            <v>φ100</v>
          </cell>
          <cell r="E188">
            <v>1</v>
          </cell>
          <cell r="F188" t="str">
            <v>口</v>
          </cell>
          <cell r="G188">
            <v>1993</v>
          </cell>
        </row>
        <row r="189">
          <cell r="A189" t="str">
            <v>U8062</v>
          </cell>
          <cell r="B189" t="str">
            <v>フランジ接合工</v>
          </cell>
          <cell r="D189" t="str">
            <v>φ150</v>
          </cell>
          <cell r="E189">
            <v>1</v>
          </cell>
          <cell r="F189" t="str">
            <v>口</v>
          </cell>
          <cell r="G189">
            <v>2326</v>
          </cell>
        </row>
        <row r="190">
          <cell r="A190" t="str">
            <v>U8062</v>
          </cell>
          <cell r="B190" t="str">
            <v>フランジ接合工</v>
          </cell>
          <cell r="D190" t="str">
            <v>φ200</v>
          </cell>
          <cell r="E190">
            <v>1</v>
          </cell>
          <cell r="F190" t="str">
            <v>口</v>
          </cell>
          <cell r="G190">
            <v>2658</v>
          </cell>
        </row>
        <row r="191">
          <cell r="A191" t="str">
            <v>U8062</v>
          </cell>
          <cell r="B191" t="str">
            <v>フランジ接合工</v>
          </cell>
          <cell r="D191" t="str">
            <v>φ250</v>
          </cell>
          <cell r="E191">
            <v>1</v>
          </cell>
          <cell r="F191" t="str">
            <v>口</v>
          </cell>
          <cell r="G191">
            <v>3322</v>
          </cell>
        </row>
        <row r="192">
          <cell r="A192" t="str">
            <v>U8065</v>
          </cell>
          <cell r="B192" t="str">
            <v>鋳鉄管切断工</v>
          </cell>
          <cell r="D192" t="str">
            <v>φ150　エンジンカッター</v>
          </cell>
          <cell r="E192">
            <v>1</v>
          </cell>
          <cell r="F192" t="str">
            <v>口</v>
          </cell>
          <cell r="G192">
            <v>2084</v>
          </cell>
        </row>
        <row r="193">
          <cell r="A193" t="str">
            <v>U8065</v>
          </cell>
          <cell r="B193" t="str">
            <v>鋳鉄管切断工</v>
          </cell>
          <cell r="D193" t="str">
            <v>φ200　エンジンカッター</v>
          </cell>
          <cell r="E193">
            <v>1</v>
          </cell>
          <cell r="F193" t="str">
            <v>口</v>
          </cell>
          <cell r="G193">
            <v>2443</v>
          </cell>
        </row>
        <row r="194">
          <cell r="A194" t="str">
            <v>U8065</v>
          </cell>
          <cell r="B194" t="str">
            <v>鋳鉄管切断工</v>
          </cell>
          <cell r="D194" t="str">
            <v>φ250　エンジンカッター</v>
          </cell>
          <cell r="E194">
            <v>1</v>
          </cell>
          <cell r="F194" t="str">
            <v>口</v>
          </cell>
          <cell r="G194">
            <v>2604</v>
          </cell>
        </row>
        <row r="195">
          <cell r="A195" t="str">
            <v>U8081</v>
          </cell>
          <cell r="B195" t="str">
            <v>仕切弁設置工</v>
          </cell>
          <cell r="D195" t="str">
            <v>人力　φ75</v>
          </cell>
          <cell r="E195">
            <v>1</v>
          </cell>
          <cell r="F195" t="str">
            <v>基</v>
          </cell>
          <cell r="G195">
            <v>3801</v>
          </cell>
        </row>
        <row r="196">
          <cell r="A196" t="str">
            <v>U8081</v>
          </cell>
          <cell r="B196" t="str">
            <v>仕切弁設置工</v>
          </cell>
          <cell r="D196" t="str">
            <v>人力　φ100</v>
          </cell>
          <cell r="E196">
            <v>1</v>
          </cell>
          <cell r="F196" t="str">
            <v>基</v>
          </cell>
          <cell r="G196">
            <v>4767</v>
          </cell>
        </row>
        <row r="197">
          <cell r="A197" t="str">
            <v>U8081</v>
          </cell>
          <cell r="B197" t="str">
            <v>仕切弁設置工</v>
          </cell>
          <cell r="D197" t="str">
            <v>人力　φ150</v>
          </cell>
          <cell r="E197">
            <v>1</v>
          </cell>
          <cell r="F197" t="str">
            <v>基</v>
          </cell>
          <cell r="G197">
            <v>7448</v>
          </cell>
        </row>
        <row r="198">
          <cell r="A198" t="str">
            <v>U8081</v>
          </cell>
          <cell r="B198" t="str">
            <v>仕切弁設置工</v>
          </cell>
          <cell r="D198" t="str">
            <v>人力　φ200</v>
          </cell>
          <cell r="E198">
            <v>1</v>
          </cell>
          <cell r="F198" t="str">
            <v>基</v>
          </cell>
          <cell r="G198">
            <v>9905</v>
          </cell>
        </row>
        <row r="199">
          <cell r="A199" t="str">
            <v>U8081</v>
          </cell>
          <cell r="B199" t="str">
            <v>仕切弁設置工</v>
          </cell>
          <cell r="D199" t="str">
            <v>人力　φ250</v>
          </cell>
          <cell r="E199">
            <v>1</v>
          </cell>
          <cell r="F199" t="str">
            <v>基</v>
          </cell>
          <cell r="G199">
            <v>13600</v>
          </cell>
        </row>
        <row r="204">
          <cell r="A204" t="str">
            <v>見積</v>
          </cell>
          <cell r="B204" t="str">
            <v>密粒度アスコン</v>
          </cell>
          <cell r="E204">
            <v>1</v>
          </cell>
          <cell r="F204" t="str">
            <v>t</v>
          </cell>
          <cell r="G204">
            <v>9000</v>
          </cell>
        </row>
        <row r="211">
          <cell r="A211" t="str">
            <v>Q0100</v>
          </cell>
          <cell r="B211" t="str">
            <v>特殊作業員</v>
          </cell>
          <cell r="D211" t="str">
            <v>打設手間控除</v>
          </cell>
          <cell r="E211">
            <v>1</v>
          </cell>
          <cell r="F211" t="str">
            <v>人</v>
          </cell>
          <cell r="G211">
            <v>-18300</v>
          </cell>
        </row>
        <row r="212">
          <cell r="A212" t="str">
            <v>Q0200</v>
          </cell>
          <cell r="B212" t="str">
            <v>普通作業員</v>
          </cell>
          <cell r="D212" t="str">
            <v>打設手間控除</v>
          </cell>
          <cell r="E212">
            <v>1</v>
          </cell>
          <cell r="F212" t="str">
            <v>人</v>
          </cell>
          <cell r="G212">
            <v>-15400</v>
          </cell>
        </row>
        <row r="213">
          <cell r="A213" t="str">
            <v>Q0201</v>
          </cell>
          <cell r="B213" t="str">
            <v>普通作業員</v>
          </cell>
          <cell r="D213" t="str">
            <v>養生手間控除</v>
          </cell>
          <cell r="E213">
            <v>1</v>
          </cell>
          <cell r="F213" t="str">
            <v>人</v>
          </cell>
          <cell r="G213">
            <v>-15400</v>
          </cell>
        </row>
        <row r="214">
          <cell r="A214" t="str">
            <v>Q4000</v>
          </cell>
          <cell r="B214" t="str">
            <v>世話役</v>
          </cell>
          <cell r="D214" t="str">
            <v>打設手間控除</v>
          </cell>
          <cell r="E214">
            <v>1</v>
          </cell>
          <cell r="F214" t="str">
            <v>人</v>
          </cell>
          <cell r="G214">
            <v>-21300</v>
          </cell>
        </row>
        <row r="215">
          <cell r="A215" t="str">
            <v>Q1504</v>
          </cell>
          <cell r="B215" t="str">
            <v>現場練コンクリート工</v>
          </cell>
          <cell r="D215" t="str">
            <v>舗装用　21-8-25</v>
          </cell>
          <cell r="E215">
            <v>1</v>
          </cell>
          <cell r="F215" t="str">
            <v>ｍ3</v>
          </cell>
          <cell r="G215">
            <v>23825</v>
          </cell>
        </row>
        <row r="216">
          <cell r="A216" t="str">
            <v>Q1505</v>
          </cell>
          <cell r="B216" t="str">
            <v>ミキサー運転</v>
          </cell>
          <cell r="E216">
            <v>1</v>
          </cell>
          <cell r="F216" t="str">
            <v>ｍ2</v>
          </cell>
          <cell r="G216">
            <v>25300</v>
          </cell>
        </row>
        <row r="253">
          <cell r="A253" t="str">
            <v>愛　知　県　建　設　部　単　価</v>
          </cell>
        </row>
        <row r="254">
          <cell r="B254" t="str">
            <v>項　　　　　目</v>
          </cell>
          <cell r="C254" t="str">
            <v>規格</v>
          </cell>
          <cell r="D254" t="str">
            <v>形状寸法</v>
          </cell>
          <cell r="F254" t="str">
            <v>単 位</v>
          </cell>
          <cell r="G254" t="str">
            <v>単価（円）</v>
          </cell>
          <cell r="H254" t="str">
            <v>摘　　　　　　要</v>
          </cell>
        </row>
        <row r="257">
          <cell r="A257" t="str">
            <v>C0009</v>
          </cell>
          <cell r="B257" t="str">
            <v>型枠</v>
          </cell>
          <cell r="D257" t="str">
            <v>小型　(Ⅱ)</v>
          </cell>
          <cell r="E257">
            <v>100</v>
          </cell>
          <cell r="F257" t="str">
            <v>ｍ2</v>
          </cell>
          <cell r="G257">
            <v>563000</v>
          </cell>
        </row>
        <row r="258">
          <cell r="A258" t="str">
            <v>C3401</v>
          </cell>
          <cell r="B258" t="str">
            <v>不陸整正工</v>
          </cell>
          <cell r="E258">
            <v>100</v>
          </cell>
          <cell r="F258" t="str">
            <v>ｍ2</v>
          </cell>
          <cell r="G258">
            <v>9534</v>
          </cell>
        </row>
        <row r="259">
          <cell r="A259" t="str">
            <v>C3608</v>
          </cell>
          <cell r="B259" t="str">
            <v>人力舗設</v>
          </cell>
          <cell r="D259" t="str">
            <v>プライムコートⅡ</v>
          </cell>
          <cell r="E259">
            <v>100</v>
          </cell>
          <cell r="F259" t="str">
            <v>ｍ2</v>
          </cell>
          <cell r="G259">
            <v>93090</v>
          </cell>
          <cell r="H259" t="str">
            <v>t≦5cm　　w＜1.6m</v>
          </cell>
        </row>
        <row r="260">
          <cell r="A260" t="str">
            <v>C3610</v>
          </cell>
          <cell r="B260" t="str">
            <v>人力舗設</v>
          </cell>
          <cell r="D260" t="str">
            <v>プライムコートⅡ</v>
          </cell>
          <cell r="E260">
            <v>100</v>
          </cell>
          <cell r="F260" t="str">
            <v>ｍ2</v>
          </cell>
          <cell r="G260">
            <v>112200</v>
          </cell>
          <cell r="H260" t="str">
            <v>5cm＜t≦10cm　　w＜1.6m</v>
          </cell>
        </row>
        <row r="261">
          <cell r="A261" t="str">
            <v>C3613</v>
          </cell>
          <cell r="B261" t="str">
            <v>人力舗設</v>
          </cell>
          <cell r="D261" t="str">
            <v>タックコート</v>
          </cell>
          <cell r="E261">
            <v>100</v>
          </cell>
          <cell r="F261" t="str">
            <v>ｍ2</v>
          </cell>
          <cell r="G261">
            <v>92580</v>
          </cell>
          <cell r="H261" t="str">
            <v>t≦5cm　　w＜1.6m</v>
          </cell>
        </row>
        <row r="262">
          <cell r="A262" t="str">
            <v>C4033</v>
          </cell>
          <cell r="B262" t="str">
            <v>舗装切断 　コンクリート</v>
          </cell>
          <cell r="D262" t="str">
            <v>ﾌﾞﾚｰﾄﾞ径　45～56cm</v>
          </cell>
          <cell r="E262">
            <v>100</v>
          </cell>
          <cell r="F262" t="str">
            <v>ｍ</v>
          </cell>
          <cell r="G262">
            <v>84110</v>
          </cell>
          <cell r="H262" t="str">
            <v>t≦20cm</v>
          </cell>
        </row>
        <row r="263">
          <cell r="A263" t="str">
            <v>C4035</v>
          </cell>
          <cell r="B263" t="str">
            <v>舗装切断 　コンクリート</v>
          </cell>
          <cell r="D263" t="str">
            <v>ﾌﾞﾚｰﾄﾞ径　75cm</v>
          </cell>
          <cell r="E263">
            <v>100</v>
          </cell>
          <cell r="F263" t="str">
            <v>ｍ</v>
          </cell>
          <cell r="G263">
            <v>166900</v>
          </cell>
          <cell r="H263" t="str">
            <v>t≦30cm</v>
          </cell>
        </row>
        <row r="264">
          <cell r="A264" t="str">
            <v>C4036</v>
          </cell>
          <cell r="B264" t="str">
            <v>舗装切断 　コンクリート</v>
          </cell>
          <cell r="D264" t="str">
            <v>ﾌﾞﾚｰﾄﾞ径　96～106cm</v>
          </cell>
          <cell r="E264">
            <v>100</v>
          </cell>
          <cell r="F264" t="str">
            <v>ｍ</v>
          </cell>
          <cell r="G264">
            <v>300000</v>
          </cell>
          <cell r="H264" t="str">
            <v>t≦45cm</v>
          </cell>
        </row>
        <row r="265">
          <cell r="A265" t="str">
            <v>C4043</v>
          </cell>
          <cell r="B265" t="str">
            <v>舗装切断 　アスファルト</v>
          </cell>
          <cell r="D265" t="str">
            <v>ﾌﾞﾚｰﾄﾞ径　45～56cm</v>
          </cell>
          <cell r="E265">
            <v>100</v>
          </cell>
          <cell r="F265" t="str">
            <v>ｍ</v>
          </cell>
          <cell r="G265">
            <v>42580</v>
          </cell>
          <cell r="H265" t="str">
            <v>t≦20cm</v>
          </cell>
        </row>
        <row r="266">
          <cell r="A266" t="str">
            <v>C4046</v>
          </cell>
          <cell r="B266" t="str">
            <v>舗装切断 　アスファルト</v>
          </cell>
          <cell r="D266" t="str">
            <v>ﾌﾞﾚｰﾄﾞ径　96～106cm</v>
          </cell>
          <cell r="E266">
            <v>100</v>
          </cell>
          <cell r="F266" t="str">
            <v>ｍ</v>
          </cell>
          <cell r="G266">
            <v>93430</v>
          </cell>
          <cell r="H266" t="str">
            <v>t≦45cm</v>
          </cell>
        </row>
        <row r="267">
          <cell r="A267" t="str">
            <v>C4074</v>
          </cell>
          <cell r="B267" t="str">
            <v>舗装取壊 　アスファルト・コンクリート</v>
          </cell>
          <cell r="D267" t="str">
            <v>人力</v>
          </cell>
          <cell r="E267">
            <v>1</v>
          </cell>
          <cell r="F267" t="str">
            <v>ｍ2</v>
          </cell>
          <cell r="G267">
            <v>33730</v>
          </cell>
          <cell r="H267" t="str">
            <v>t≦5cm</v>
          </cell>
        </row>
        <row r="268">
          <cell r="A268" t="str">
            <v>C4075</v>
          </cell>
          <cell r="B268" t="str">
            <v>舗装取壊 　アスファルト・コンクリート</v>
          </cell>
          <cell r="D268" t="str">
            <v>人力</v>
          </cell>
          <cell r="E268">
            <v>1</v>
          </cell>
          <cell r="F268" t="str">
            <v>ｍ2</v>
          </cell>
          <cell r="G268">
            <v>45430</v>
          </cell>
          <cell r="H268" t="str">
            <v>t≦15m</v>
          </cell>
        </row>
        <row r="269">
          <cell r="A269" t="str">
            <v>C4076</v>
          </cell>
          <cell r="B269" t="str">
            <v>舗装取壊 　アスファルト・コンクリート</v>
          </cell>
          <cell r="D269" t="str">
            <v>人力</v>
          </cell>
          <cell r="E269">
            <v>1</v>
          </cell>
          <cell r="F269" t="str">
            <v>ｍ2</v>
          </cell>
          <cell r="G269">
            <v>80470</v>
          </cell>
          <cell r="H269" t="str">
            <v>t≦20cm</v>
          </cell>
        </row>
        <row r="270">
          <cell r="A270" t="str">
            <v>C5640</v>
          </cell>
          <cell r="B270" t="str">
            <v>ダンプトラック運転費</v>
          </cell>
          <cell r="D270" t="str">
            <v>8t　土砂</v>
          </cell>
          <cell r="E270">
            <v>1</v>
          </cell>
          <cell r="F270" t="str">
            <v>ｈ</v>
          </cell>
          <cell r="G270">
            <v>5840</v>
          </cell>
          <cell r="H270" t="str">
            <v>割増率　0%</v>
          </cell>
        </row>
        <row r="271">
          <cell r="A271" t="str">
            <v>C5641</v>
          </cell>
          <cell r="B271" t="str">
            <v>ダンプトラック運転費</v>
          </cell>
          <cell r="D271" t="str">
            <v>8t　As</v>
          </cell>
          <cell r="E271">
            <v>1</v>
          </cell>
          <cell r="F271" t="str">
            <v>ｈ</v>
          </cell>
          <cell r="G271">
            <v>5884</v>
          </cell>
          <cell r="H271" t="str">
            <v>割増率　10%</v>
          </cell>
        </row>
        <row r="272">
          <cell r="A272" t="str">
            <v>C5642</v>
          </cell>
          <cell r="B272" t="str">
            <v>ダンプトラック運転費</v>
          </cell>
          <cell r="D272" t="str">
            <v>8t　Co</v>
          </cell>
          <cell r="E272">
            <v>1</v>
          </cell>
          <cell r="F272" t="str">
            <v>ｈ</v>
          </cell>
          <cell r="G272">
            <v>6014</v>
          </cell>
          <cell r="H272" t="str">
            <v>割増率　25%</v>
          </cell>
        </row>
        <row r="273">
          <cell r="A273" t="str">
            <v>C5730</v>
          </cell>
          <cell r="B273" t="str">
            <v>ダンプトラック運転費</v>
          </cell>
          <cell r="D273" t="str">
            <v>2t　土砂</v>
          </cell>
          <cell r="E273">
            <v>1</v>
          </cell>
          <cell r="F273" t="str">
            <v>日</v>
          </cell>
          <cell r="G273">
            <v>24150</v>
          </cell>
          <cell r="H273" t="str">
            <v>割増率　0%</v>
          </cell>
        </row>
        <row r="274">
          <cell r="A274" t="str">
            <v>C5731</v>
          </cell>
          <cell r="B274" t="str">
            <v>ダンプトラック運転費</v>
          </cell>
          <cell r="D274" t="str">
            <v>2t　As</v>
          </cell>
          <cell r="E274">
            <v>1</v>
          </cell>
          <cell r="F274" t="str">
            <v>日</v>
          </cell>
          <cell r="G274">
            <v>24320</v>
          </cell>
          <cell r="H274" t="str">
            <v>割増率　10%</v>
          </cell>
        </row>
        <row r="275">
          <cell r="A275" t="str">
            <v>C5732</v>
          </cell>
          <cell r="B275" t="str">
            <v>ダンプトラック運転費</v>
          </cell>
          <cell r="D275" t="str">
            <v>2t　Co</v>
          </cell>
          <cell r="E275">
            <v>1</v>
          </cell>
          <cell r="F275" t="str">
            <v>日</v>
          </cell>
          <cell r="G275">
            <v>24550</v>
          </cell>
          <cell r="H275" t="str">
            <v>割増率　25%</v>
          </cell>
        </row>
        <row r="276">
          <cell r="A276" t="str">
            <v>C5740</v>
          </cell>
          <cell r="B276" t="str">
            <v>ダンプトラック運転費</v>
          </cell>
          <cell r="D276" t="str">
            <v>4t　土砂</v>
          </cell>
          <cell r="E276">
            <v>1</v>
          </cell>
          <cell r="F276" t="str">
            <v>日</v>
          </cell>
          <cell r="G276">
            <v>27450</v>
          </cell>
          <cell r="H276" t="str">
            <v>割増率　0%</v>
          </cell>
        </row>
        <row r="277">
          <cell r="A277" t="str">
            <v>C5741</v>
          </cell>
          <cell r="B277" t="str">
            <v>ダンプトラック運転費</v>
          </cell>
          <cell r="D277" t="str">
            <v>4t　As</v>
          </cell>
          <cell r="E277">
            <v>1</v>
          </cell>
          <cell r="F277" t="str">
            <v>日</v>
          </cell>
          <cell r="G277">
            <v>27710</v>
          </cell>
          <cell r="H277" t="str">
            <v>割増率　10%</v>
          </cell>
        </row>
        <row r="278">
          <cell r="A278" t="str">
            <v>C5742</v>
          </cell>
          <cell r="B278" t="str">
            <v>ダンプトラック運転費</v>
          </cell>
          <cell r="D278" t="str">
            <v>4t　Co</v>
          </cell>
          <cell r="E278">
            <v>1</v>
          </cell>
          <cell r="F278" t="str">
            <v>日</v>
          </cell>
          <cell r="G278">
            <v>28050</v>
          </cell>
          <cell r="H278" t="str">
            <v>割増率　25%</v>
          </cell>
        </row>
        <row r="279">
          <cell r="A279" t="str">
            <v>C5760</v>
          </cell>
          <cell r="B279" t="str">
            <v>ダンプトラック運転費</v>
          </cell>
          <cell r="D279" t="str">
            <v>10t　土砂</v>
          </cell>
          <cell r="E279">
            <v>1</v>
          </cell>
          <cell r="F279" t="str">
            <v>日</v>
          </cell>
          <cell r="G279">
            <v>41380</v>
          </cell>
          <cell r="H279" t="str">
            <v>割増率　0%</v>
          </cell>
        </row>
        <row r="280">
          <cell r="A280" t="str">
            <v>C5761</v>
          </cell>
          <cell r="B280" t="str">
            <v>ダンプトラック運転費</v>
          </cell>
          <cell r="D280" t="str">
            <v>10t　As</v>
          </cell>
          <cell r="E280">
            <v>1</v>
          </cell>
          <cell r="F280" t="str">
            <v>日</v>
          </cell>
          <cell r="G280">
            <v>42130</v>
          </cell>
          <cell r="H280" t="str">
            <v>割増率　10%</v>
          </cell>
        </row>
        <row r="281">
          <cell r="A281" t="str">
            <v>C5762</v>
          </cell>
          <cell r="B281" t="str">
            <v>ダンプトラック運転費</v>
          </cell>
          <cell r="D281" t="str">
            <v>10t　Co</v>
          </cell>
          <cell r="E281">
            <v>1</v>
          </cell>
          <cell r="F281" t="str">
            <v>日</v>
          </cell>
          <cell r="G281">
            <v>43000</v>
          </cell>
          <cell r="H281" t="str">
            <v>割増率　25%</v>
          </cell>
        </row>
        <row r="282">
          <cell r="A282" t="str">
            <v>C5951</v>
          </cell>
          <cell r="B282" t="str">
            <v>バックホウ運転費</v>
          </cell>
          <cell r="D282" t="str">
            <v>0.10m3</v>
          </cell>
          <cell r="E282">
            <v>1</v>
          </cell>
          <cell r="F282" t="str">
            <v>ｈ</v>
          </cell>
          <cell r="G282">
            <v>5456</v>
          </cell>
        </row>
        <row r="283">
          <cell r="A283" t="str">
            <v>C5954</v>
          </cell>
          <cell r="B283" t="str">
            <v>バックホウ運転費</v>
          </cell>
          <cell r="D283" t="str">
            <v>0.20m3</v>
          </cell>
          <cell r="E283">
            <v>1</v>
          </cell>
          <cell r="F283" t="str">
            <v>ｈ</v>
          </cell>
          <cell r="G283">
            <v>5708</v>
          </cell>
        </row>
        <row r="284">
          <cell r="A284" t="str">
            <v>C5955</v>
          </cell>
          <cell r="B284" t="str">
            <v>バックホウ運転費</v>
          </cell>
          <cell r="D284" t="str">
            <v>0.20m3</v>
          </cell>
          <cell r="E284">
            <v>1</v>
          </cell>
          <cell r="F284" t="str">
            <v>日</v>
          </cell>
          <cell r="G284">
            <v>32040</v>
          </cell>
        </row>
        <row r="285">
          <cell r="A285" t="str">
            <v>C5956</v>
          </cell>
          <cell r="B285" t="str">
            <v>バックホウ運転費</v>
          </cell>
          <cell r="D285" t="str">
            <v>0.10m3</v>
          </cell>
          <cell r="E285">
            <v>1</v>
          </cell>
          <cell r="F285" t="str">
            <v>日</v>
          </cell>
          <cell r="G285">
            <v>28790</v>
          </cell>
        </row>
        <row r="286">
          <cell r="A286" t="str">
            <v>C5957</v>
          </cell>
          <cell r="B286" t="str">
            <v>バックホウ運転費</v>
          </cell>
          <cell r="D286" t="str">
            <v>0.35m3</v>
          </cell>
          <cell r="E286">
            <v>1</v>
          </cell>
          <cell r="F286" t="str">
            <v>日</v>
          </cell>
          <cell r="G286">
            <v>35380</v>
          </cell>
        </row>
        <row r="287">
          <cell r="A287" t="str">
            <v>C5958</v>
          </cell>
          <cell r="B287" t="str">
            <v>バックホウ運転費</v>
          </cell>
          <cell r="D287" t="str">
            <v>0.35m3</v>
          </cell>
          <cell r="E287">
            <v>1</v>
          </cell>
          <cell r="F287" t="str">
            <v>ｈ</v>
          </cell>
          <cell r="G287">
            <v>6569</v>
          </cell>
          <cell r="H287" t="str">
            <v>割増率　0%</v>
          </cell>
        </row>
        <row r="288">
          <cell r="A288" t="str">
            <v>C5960</v>
          </cell>
          <cell r="B288" t="str">
            <v>バックホウ運転費</v>
          </cell>
          <cell r="D288" t="str">
            <v>0.35m3</v>
          </cell>
          <cell r="E288">
            <v>1</v>
          </cell>
          <cell r="F288" t="str">
            <v>ｈ</v>
          </cell>
          <cell r="G288">
            <v>6669</v>
          </cell>
          <cell r="H288" t="str">
            <v>割増率　10%</v>
          </cell>
        </row>
        <row r="289">
          <cell r="A289" t="str">
            <v>C5961</v>
          </cell>
          <cell r="B289" t="str">
            <v>バックホウ運転費</v>
          </cell>
          <cell r="D289" t="str">
            <v>0.35m3</v>
          </cell>
          <cell r="E289">
            <v>1</v>
          </cell>
          <cell r="F289" t="str">
            <v>ｈ</v>
          </cell>
          <cell r="G289">
            <v>6819</v>
          </cell>
          <cell r="H289" t="str">
            <v>割増率　25%</v>
          </cell>
        </row>
        <row r="290">
          <cell r="A290" t="str">
            <v>C5962</v>
          </cell>
          <cell r="B290" t="str">
            <v>バックホウ運転費</v>
          </cell>
          <cell r="D290" t="str">
            <v>0.60m3</v>
          </cell>
          <cell r="E290">
            <v>1</v>
          </cell>
          <cell r="F290" t="str">
            <v>ｈ</v>
          </cell>
          <cell r="G290">
            <v>8826</v>
          </cell>
        </row>
        <row r="291">
          <cell r="A291" t="str">
            <v>C5963</v>
          </cell>
          <cell r="B291" t="str">
            <v>バックホウ運転費</v>
          </cell>
          <cell r="D291" t="str">
            <v>0.60m3</v>
          </cell>
          <cell r="E291">
            <v>1</v>
          </cell>
          <cell r="F291" t="str">
            <v>ｈ</v>
          </cell>
          <cell r="G291">
            <v>40180</v>
          </cell>
        </row>
        <row r="292">
          <cell r="A292" t="str">
            <v>C6107</v>
          </cell>
          <cell r="B292" t="str">
            <v>トラッッククレーン運転費</v>
          </cell>
          <cell r="D292" t="str">
            <v>4.8～4.9t吊</v>
          </cell>
          <cell r="E292">
            <v>1</v>
          </cell>
          <cell r="F292" t="str">
            <v>ｈ</v>
          </cell>
          <cell r="G292">
            <v>5968</v>
          </cell>
        </row>
        <row r="293">
          <cell r="A293" t="str">
            <v>C6634</v>
          </cell>
          <cell r="B293" t="str">
            <v>タンパ運転費</v>
          </cell>
          <cell r="D293" t="str">
            <v>60～100kg</v>
          </cell>
          <cell r="E293">
            <v>1</v>
          </cell>
          <cell r="F293" t="str">
            <v>日</v>
          </cell>
          <cell r="G293">
            <v>19700</v>
          </cell>
        </row>
        <row r="294">
          <cell r="A294" t="str">
            <v>C6640</v>
          </cell>
          <cell r="B294" t="str">
            <v>モーターグレーダ運転</v>
          </cell>
          <cell r="E294">
            <v>1</v>
          </cell>
          <cell r="F294" t="str">
            <v>日</v>
          </cell>
          <cell r="G294">
            <v>43810</v>
          </cell>
        </row>
        <row r="295">
          <cell r="A295" t="str">
            <v>C6644</v>
          </cell>
          <cell r="B295" t="str">
            <v>ロードローラ運転</v>
          </cell>
          <cell r="E295">
            <v>1</v>
          </cell>
          <cell r="F295" t="str">
            <v>日</v>
          </cell>
          <cell r="G295">
            <v>38300</v>
          </cell>
        </row>
        <row r="296">
          <cell r="A296" t="str">
            <v>C6649</v>
          </cell>
          <cell r="B296" t="str">
            <v>タイヤローラ運転</v>
          </cell>
          <cell r="E296">
            <v>1</v>
          </cell>
          <cell r="F296" t="str">
            <v>日</v>
          </cell>
          <cell r="G296">
            <v>35030</v>
          </cell>
        </row>
        <row r="297">
          <cell r="A297" t="str">
            <v>C6655</v>
          </cell>
          <cell r="B297" t="str">
            <v>振動ローラー運転費</v>
          </cell>
          <cell r="D297" t="str">
            <v>路盤用</v>
          </cell>
          <cell r="E297">
            <v>1</v>
          </cell>
          <cell r="F297" t="str">
            <v>日</v>
          </cell>
          <cell r="G297">
            <v>28110</v>
          </cell>
        </row>
        <row r="298">
          <cell r="A298" t="str">
            <v>C6656</v>
          </cell>
          <cell r="B298" t="str">
            <v>振動ローラー運転費</v>
          </cell>
          <cell r="D298" t="str">
            <v>舗装用</v>
          </cell>
          <cell r="E298">
            <v>1</v>
          </cell>
          <cell r="F298" t="str">
            <v>日</v>
          </cell>
          <cell r="G298">
            <v>28460</v>
          </cell>
        </row>
        <row r="299">
          <cell r="A299" t="str">
            <v>C6724</v>
          </cell>
          <cell r="B299" t="str">
            <v>路面切削機運転費</v>
          </cell>
          <cell r="D299" t="str">
            <v>ﾎｲｰﾙ式2ｍ級　廃材積込装置付</v>
          </cell>
          <cell r="E299">
            <v>1</v>
          </cell>
          <cell r="F299" t="str">
            <v>日</v>
          </cell>
          <cell r="G299">
            <v>219000</v>
          </cell>
        </row>
        <row r="300">
          <cell r="A300" t="str">
            <v>C6729</v>
          </cell>
          <cell r="B300" t="str">
            <v>路面清掃車運転費</v>
          </cell>
          <cell r="D300" t="str">
            <v>ﾌﾞﾗｼ式　2.0～3.1ｍ3</v>
          </cell>
          <cell r="E300">
            <v>1</v>
          </cell>
          <cell r="F300" t="str">
            <v>日</v>
          </cell>
          <cell r="G300">
            <v>54080</v>
          </cell>
        </row>
        <row r="301">
          <cell r="A301" t="str">
            <v>C6744</v>
          </cell>
          <cell r="B301" t="str">
            <v>大型ブレーカー運転費</v>
          </cell>
          <cell r="E301">
            <v>1</v>
          </cell>
          <cell r="F301" t="str">
            <v>ｈ</v>
          </cell>
          <cell r="G301">
            <v>8239</v>
          </cell>
        </row>
        <row r="302">
          <cell r="A302" t="str">
            <v>C6750</v>
          </cell>
          <cell r="B302" t="str">
            <v>大型ブレーカー運転費</v>
          </cell>
          <cell r="E302">
            <v>1</v>
          </cell>
          <cell r="F302" t="str">
            <v>日</v>
          </cell>
          <cell r="G302">
            <v>44970</v>
          </cell>
        </row>
        <row r="303">
          <cell r="A303" t="str">
            <v>C6753</v>
          </cell>
          <cell r="B303" t="str">
            <v>コンクリートカッター運転費</v>
          </cell>
          <cell r="D303" t="str">
            <v>ﾌﾞﾚｰﾄﾞ径　45～56cm</v>
          </cell>
          <cell r="E303">
            <v>1</v>
          </cell>
          <cell r="F303" t="str">
            <v>日</v>
          </cell>
          <cell r="G303">
            <v>21650</v>
          </cell>
        </row>
        <row r="304">
          <cell r="A304" t="str">
            <v>C6755</v>
          </cell>
          <cell r="B304" t="str">
            <v>コンクリートカッター運転費</v>
          </cell>
          <cell r="D304" t="str">
            <v>ﾌﾞﾚｰﾄﾞ径　75cm</v>
          </cell>
          <cell r="E304">
            <v>1</v>
          </cell>
          <cell r="F304" t="str">
            <v>日</v>
          </cell>
          <cell r="G304">
            <v>27740</v>
          </cell>
        </row>
        <row r="305">
          <cell r="A305" t="str">
            <v>C6756</v>
          </cell>
          <cell r="B305" t="str">
            <v>コンクリートカッター運転費</v>
          </cell>
          <cell r="D305" t="str">
            <v>ﾌﾞﾚｰﾄﾞ径　95～106cm</v>
          </cell>
          <cell r="E305">
            <v>1</v>
          </cell>
          <cell r="F305" t="str">
            <v>日</v>
          </cell>
          <cell r="G305">
            <v>28460</v>
          </cell>
        </row>
        <row r="306">
          <cell r="A306" t="str">
            <v>C6777</v>
          </cell>
          <cell r="B306" t="str">
            <v>クレーン付トラッック運転費</v>
          </cell>
          <cell r="D306" t="str">
            <v>4t積2.9t吊</v>
          </cell>
          <cell r="E306">
            <v>1</v>
          </cell>
          <cell r="F306" t="str">
            <v>ｈ</v>
          </cell>
          <cell r="G306">
            <v>5806</v>
          </cell>
        </row>
        <row r="307">
          <cell r="A307" t="str">
            <v>C6900</v>
          </cell>
          <cell r="B307" t="str">
            <v>アスファルトフィニッシャー運転費</v>
          </cell>
          <cell r="D307" t="str">
            <v>ｸﾛｰﾗ型1.6～3.0mm</v>
          </cell>
          <cell r="E307">
            <v>1</v>
          </cell>
          <cell r="F307" t="str">
            <v>日</v>
          </cell>
          <cell r="G307">
            <v>47510</v>
          </cell>
        </row>
        <row r="308">
          <cell r="A308" t="str">
            <v>C8314</v>
          </cell>
          <cell r="B308" t="str">
            <v>下層路盤工</v>
          </cell>
          <cell r="D308" t="str">
            <v>RC-40　t=10cm</v>
          </cell>
          <cell r="E308">
            <v>100</v>
          </cell>
          <cell r="F308" t="str">
            <v>ｍ2</v>
          </cell>
          <cell r="G308">
            <v>43450</v>
          </cell>
        </row>
        <row r="309">
          <cell r="A309" t="str">
            <v>C8767</v>
          </cell>
          <cell r="B309" t="str">
            <v>粒調路盤工</v>
          </cell>
          <cell r="D309" t="str">
            <v>M-40　t=10cm</v>
          </cell>
          <cell r="E309">
            <v>100</v>
          </cell>
          <cell r="F309" t="str">
            <v>ｍ2</v>
          </cell>
          <cell r="G309">
            <v>53610</v>
          </cell>
          <cell r="H309" t="str">
            <v>本土</v>
          </cell>
        </row>
        <row r="310">
          <cell r="A310" t="str">
            <v>Kコード</v>
          </cell>
        </row>
        <row r="311">
          <cell r="A311" t="str">
            <v>K0950</v>
          </cell>
          <cell r="B311" t="str">
            <v>トラッククレーン賃料</v>
          </cell>
          <cell r="D311" t="str">
            <v>4.8～4.9ｔ吊</v>
          </cell>
          <cell r="E311">
            <v>1</v>
          </cell>
          <cell r="F311" t="str">
            <v>日</v>
          </cell>
          <cell r="G311">
            <v>24800</v>
          </cell>
          <cell r="H311">
            <v>37438</v>
          </cell>
        </row>
        <row r="312">
          <cell r="A312" t="str">
            <v>Lコード</v>
          </cell>
        </row>
        <row r="313">
          <cell r="A313" t="str">
            <v>L3051</v>
          </cell>
          <cell r="B313" t="str">
            <v>コンクリートミキサー運転費</v>
          </cell>
          <cell r="D313" t="str">
            <v>8切ドラム　0.20ｍ3</v>
          </cell>
          <cell r="E313">
            <v>1</v>
          </cell>
          <cell r="F313" t="str">
            <v>日</v>
          </cell>
          <cell r="G313">
            <v>3560</v>
          </cell>
        </row>
        <row r="314">
          <cell r="A314" t="str">
            <v>Mコード</v>
          </cell>
        </row>
        <row r="315">
          <cell r="A315" t="str">
            <v>M3406</v>
          </cell>
          <cell r="B315" t="str">
            <v>発動発電機運転費</v>
          </cell>
          <cell r="D315" t="str">
            <v>ﾃﾞｨｰｾﾞﾙｴﾝｼﾞﾝ5KVA</v>
          </cell>
          <cell r="E315">
            <v>1</v>
          </cell>
          <cell r="F315" t="str">
            <v>日</v>
          </cell>
          <cell r="G315">
            <v>816</v>
          </cell>
          <cell r="H315">
            <v>37438</v>
          </cell>
        </row>
        <row r="316">
          <cell r="A316" t="str">
            <v>Nコード</v>
          </cell>
        </row>
        <row r="317">
          <cell r="A317" t="str">
            <v>N7991</v>
          </cell>
          <cell r="B317" t="str">
            <v>舗装処理　アスファルト</v>
          </cell>
          <cell r="E317">
            <v>1</v>
          </cell>
          <cell r="F317" t="str">
            <v>ｍ3</v>
          </cell>
          <cell r="G317">
            <v>2560</v>
          </cell>
          <cell r="H317">
            <v>37438</v>
          </cell>
        </row>
        <row r="318">
          <cell r="A318" t="str">
            <v>N7992</v>
          </cell>
          <cell r="B318" t="str">
            <v>舗装処理　コンクリート</v>
          </cell>
          <cell r="E318">
            <v>1</v>
          </cell>
          <cell r="F318" t="str">
            <v>ｍ3</v>
          </cell>
          <cell r="G318">
            <v>3310</v>
          </cell>
          <cell r="H318">
            <v>37438</v>
          </cell>
        </row>
        <row r="319">
          <cell r="A319" t="str">
            <v>N8017</v>
          </cell>
          <cell r="B319" t="str">
            <v>生コンクリート</v>
          </cell>
          <cell r="D319" t="str">
            <v>18-8-40</v>
          </cell>
          <cell r="E319">
            <v>1</v>
          </cell>
          <cell r="F319" t="str">
            <v>ｍ3</v>
          </cell>
          <cell r="G319">
            <v>8700</v>
          </cell>
          <cell r="H319">
            <v>37438</v>
          </cell>
        </row>
        <row r="320">
          <cell r="A320" t="str">
            <v>N8022</v>
          </cell>
          <cell r="B320" t="str">
            <v>生コンクリート</v>
          </cell>
          <cell r="D320" t="str">
            <v>24-8(12)-25</v>
          </cell>
          <cell r="E320">
            <v>1</v>
          </cell>
          <cell r="F320" t="str">
            <v>ｍ3</v>
          </cell>
          <cell r="G320">
            <v>9100</v>
          </cell>
          <cell r="H320">
            <v>37438</v>
          </cell>
        </row>
        <row r="321">
          <cell r="A321" t="str">
            <v>N8411</v>
          </cell>
          <cell r="B321" t="str">
            <v>再生密粒度ｱｽｺﾝ</v>
          </cell>
          <cell r="D321" t="str">
            <v>t=5cm</v>
          </cell>
          <cell r="E321">
            <v>1</v>
          </cell>
          <cell r="F321" t="str">
            <v>ｍ3</v>
          </cell>
          <cell r="G321">
            <v>7000</v>
          </cell>
          <cell r="H321">
            <v>37438</v>
          </cell>
        </row>
        <row r="322">
          <cell r="A322" t="str">
            <v>N8421</v>
          </cell>
          <cell r="B322" t="str">
            <v>再生粗粒度ｱｽｺﾝ</v>
          </cell>
          <cell r="E322">
            <v>1</v>
          </cell>
          <cell r="F322" t="str">
            <v>ｍ3</v>
          </cell>
          <cell r="G322">
            <v>6700</v>
          </cell>
          <cell r="H322">
            <v>37438</v>
          </cell>
        </row>
        <row r="323">
          <cell r="A323" t="str">
            <v>N8431</v>
          </cell>
          <cell r="B323" t="str">
            <v>再生歴青安定処理</v>
          </cell>
          <cell r="E323">
            <v>1</v>
          </cell>
          <cell r="F323" t="str">
            <v>ｍ3</v>
          </cell>
          <cell r="G323">
            <v>6400</v>
          </cell>
          <cell r="H323">
            <v>37438</v>
          </cell>
        </row>
        <row r="324">
          <cell r="A324" t="str">
            <v>Pコード</v>
          </cell>
        </row>
        <row r="325">
          <cell r="A325" t="str">
            <v>P0602</v>
          </cell>
          <cell r="B325" t="str">
            <v>軽油</v>
          </cell>
          <cell r="E325">
            <v>10</v>
          </cell>
          <cell r="F325" t="str">
            <v>L</v>
          </cell>
          <cell r="G325">
            <v>730</v>
          </cell>
          <cell r="H325">
            <v>37438</v>
          </cell>
        </row>
        <row r="326">
          <cell r="A326" t="str">
            <v>P3012</v>
          </cell>
          <cell r="B326" t="str">
            <v>アスファルト乳剤</v>
          </cell>
          <cell r="E326">
            <v>1</v>
          </cell>
          <cell r="F326" t="str">
            <v>Ｌ</v>
          </cell>
          <cell r="G326">
            <v>56</v>
          </cell>
          <cell r="H326">
            <v>37438</v>
          </cell>
        </row>
        <row r="327">
          <cell r="A327" t="str">
            <v>P3206</v>
          </cell>
          <cell r="B327" t="str">
            <v>コンクリートカッター刃</v>
          </cell>
          <cell r="D327" t="str">
            <v>65cm</v>
          </cell>
          <cell r="E327">
            <v>1</v>
          </cell>
          <cell r="F327" t="str">
            <v>枚</v>
          </cell>
          <cell r="G327">
            <v>104000</v>
          </cell>
          <cell r="H327">
            <v>37438</v>
          </cell>
        </row>
        <row r="328">
          <cell r="A328" t="str">
            <v>P3207</v>
          </cell>
          <cell r="B328" t="str">
            <v>コンクリートカッター刃</v>
          </cell>
          <cell r="D328" t="str">
            <v>75cm</v>
          </cell>
          <cell r="E328">
            <v>1</v>
          </cell>
          <cell r="F328" t="str">
            <v>枚</v>
          </cell>
          <cell r="G328">
            <v>123000</v>
          </cell>
          <cell r="H328">
            <v>37438</v>
          </cell>
        </row>
        <row r="329">
          <cell r="A329" t="str">
            <v>P3208</v>
          </cell>
          <cell r="B329" t="str">
            <v>コンクリートカッター刃</v>
          </cell>
          <cell r="D329" t="str">
            <v>106cm</v>
          </cell>
          <cell r="E329">
            <v>1</v>
          </cell>
          <cell r="F329" t="str">
            <v>枚</v>
          </cell>
          <cell r="G329">
            <v>224000</v>
          </cell>
          <cell r="H329">
            <v>37438</v>
          </cell>
        </row>
        <row r="330">
          <cell r="A330" t="str">
            <v>P7631</v>
          </cell>
          <cell r="B330" t="str">
            <v>構造物取壊し工　　　　　　　　　　機械施工</v>
          </cell>
          <cell r="D330" t="str">
            <v>無筋</v>
          </cell>
          <cell r="E330">
            <v>1</v>
          </cell>
          <cell r="F330" t="str">
            <v>ｍ3</v>
          </cell>
          <cell r="G330">
            <v>6425</v>
          </cell>
          <cell r="H330">
            <v>37438</v>
          </cell>
        </row>
        <row r="331">
          <cell r="A331" t="str">
            <v>P7632</v>
          </cell>
          <cell r="B331" t="str">
            <v>構造物取壊し工　　　　　　　　　　機械施工</v>
          </cell>
          <cell r="D331" t="str">
            <v>有筋</v>
          </cell>
          <cell r="E331">
            <v>1</v>
          </cell>
          <cell r="F331" t="str">
            <v>ｍ3</v>
          </cell>
          <cell r="G331">
            <v>12100</v>
          </cell>
          <cell r="H331">
            <v>37438</v>
          </cell>
        </row>
        <row r="332">
          <cell r="A332" t="str">
            <v>P7635</v>
          </cell>
          <cell r="B332" t="str">
            <v>構造物取壊し工　　　　　　　　　　人力施工</v>
          </cell>
          <cell r="D332" t="str">
            <v>無筋</v>
          </cell>
          <cell r="E332">
            <v>1</v>
          </cell>
          <cell r="F332" t="str">
            <v>ｍ3</v>
          </cell>
          <cell r="G332">
            <v>23700</v>
          </cell>
          <cell r="H332" t="str">
            <v>コンクリートブレーカー     H14.7.1</v>
          </cell>
        </row>
        <row r="333">
          <cell r="A333" t="str">
            <v>P7636</v>
          </cell>
          <cell r="B333" t="str">
            <v>構造物取壊し工　　　　　　　　　　人力施工</v>
          </cell>
          <cell r="D333" t="str">
            <v>有筋</v>
          </cell>
          <cell r="E333">
            <v>1</v>
          </cell>
          <cell r="F333" t="str">
            <v>ｍ3</v>
          </cell>
          <cell r="G333">
            <v>38250</v>
          </cell>
          <cell r="H333" t="str">
            <v>コンクリートブレーカー     H14.7.1</v>
          </cell>
        </row>
        <row r="334">
          <cell r="A334" t="str">
            <v>P8005</v>
          </cell>
          <cell r="B334" t="str">
            <v>砂</v>
          </cell>
          <cell r="D334" t="str">
            <v>ｺﾝｸﾘｰﾄ用</v>
          </cell>
          <cell r="E334">
            <v>1</v>
          </cell>
          <cell r="F334" t="str">
            <v>ｍ3</v>
          </cell>
          <cell r="G334">
            <v>3850</v>
          </cell>
          <cell r="H334" t="str">
            <v>本土　　　　　　　　　　         H14.7.1</v>
          </cell>
        </row>
        <row r="335">
          <cell r="A335" t="str">
            <v>P8006</v>
          </cell>
          <cell r="B335" t="str">
            <v>セメント</v>
          </cell>
          <cell r="E335">
            <v>1</v>
          </cell>
          <cell r="F335" t="str">
            <v>t</v>
          </cell>
          <cell r="G335">
            <v>17600</v>
          </cell>
          <cell r="H335" t="str">
            <v>本土　　　　　　　　　　         H14.7.1</v>
          </cell>
        </row>
        <row r="336">
          <cell r="A336" t="str">
            <v>P8010</v>
          </cell>
          <cell r="B336" t="str">
            <v>再生砕石</v>
          </cell>
          <cell r="D336" t="str">
            <v>Co舗装用　5～20</v>
          </cell>
          <cell r="E336">
            <v>1</v>
          </cell>
          <cell r="F336" t="str">
            <v>ｍ3</v>
          </cell>
          <cell r="G336">
            <v>3350</v>
          </cell>
          <cell r="H336">
            <v>37438</v>
          </cell>
        </row>
        <row r="337">
          <cell r="A337" t="str">
            <v>P8012</v>
          </cell>
          <cell r="B337" t="str">
            <v>再生砕石</v>
          </cell>
          <cell r="D337" t="str">
            <v>構造物用5～40</v>
          </cell>
          <cell r="E337">
            <v>1</v>
          </cell>
          <cell r="F337" t="str">
            <v>ｍ3</v>
          </cell>
          <cell r="G337">
            <v>3350</v>
          </cell>
          <cell r="H337">
            <v>37438</v>
          </cell>
        </row>
        <row r="339">
          <cell r="A339" t="str">
            <v>P8038</v>
          </cell>
          <cell r="B339" t="str">
            <v>再生砕石</v>
          </cell>
          <cell r="D339" t="str">
            <v>路盤用　RC40～0</v>
          </cell>
          <cell r="E339">
            <v>1</v>
          </cell>
          <cell r="F339" t="str">
            <v>ｍ3</v>
          </cell>
          <cell r="G339">
            <v>2200</v>
          </cell>
          <cell r="H339">
            <v>37438</v>
          </cell>
        </row>
        <row r="340">
          <cell r="A340" t="str">
            <v>P8102</v>
          </cell>
          <cell r="B340" t="str">
            <v>砂(不洗い)</v>
          </cell>
          <cell r="D340" t="str">
            <v>埋戻用</v>
          </cell>
          <cell r="E340">
            <v>1</v>
          </cell>
          <cell r="F340" t="str">
            <v>ｍ3</v>
          </cell>
          <cell r="G340">
            <v>2100</v>
          </cell>
          <cell r="H340">
            <v>37438</v>
          </cell>
        </row>
        <row r="341">
          <cell r="A341" t="str">
            <v>P8027</v>
          </cell>
          <cell r="B341" t="str">
            <v>路盤材</v>
          </cell>
          <cell r="D341" t="str">
            <v>Ｍ－４０</v>
          </cell>
          <cell r="E341">
            <v>1</v>
          </cell>
          <cell r="F341" t="str">
            <v>ｍ3</v>
          </cell>
          <cell r="G341">
            <v>3400</v>
          </cell>
          <cell r="H341" t="str">
            <v>離島単価</v>
          </cell>
        </row>
        <row r="342">
          <cell r="A342" t="str">
            <v>Q0001</v>
          </cell>
          <cell r="B342" t="str">
            <v>ダンプトラック運転費</v>
          </cell>
          <cell r="D342" t="str">
            <v>8t　土砂</v>
          </cell>
          <cell r="E342">
            <v>1</v>
          </cell>
          <cell r="F342" t="str">
            <v>日</v>
          </cell>
          <cell r="G342">
            <v>35624</v>
          </cell>
          <cell r="H342" t="str">
            <v>時間当り単価×6.1h</v>
          </cell>
        </row>
        <row r="343">
          <cell r="A343" t="str">
            <v>Q0002</v>
          </cell>
          <cell r="B343" t="str">
            <v>ダンプトラック運転費</v>
          </cell>
          <cell r="D343" t="str">
            <v>8t　As</v>
          </cell>
          <cell r="E343">
            <v>1</v>
          </cell>
          <cell r="F343" t="str">
            <v>日</v>
          </cell>
          <cell r="G343">
            <v>35892</v>
          </cell>
          <cell r="H343" t="str">
            <v>時間当り単価×6.1h</v>
          </cell>
        </row>
        <row r="344">
          <cell r="A344" t="str">
            <v>Q0003</v>
          </cell>
          <cell r="B344" t="str">
            <v>ダンプトラック運転費</v>
          </cell>
          <cell r="D344" t="str">
            <v>8t　Co</v>
          </cell>
          <cell r="E344">
            <v>1</v>
          </cell>
          <cell r="F344" t="str">
            <v>日</v>
          </cell>
          <cell r="G344">
            <v>36685</v>
          </cell>
          <cell r="H344" t="str">
            <v>時間当り単価×6.1h</v>
          </cell>
        </row>
        <row r="346">
          <cell r="A346" t="str">
            <v>Q0004</v>
          </cell>
          <cell r="B346" t="str">
            <v>常温合材</v>
          </cell>
          <cell r="D346" t="str">
            <v>小口</v>
          </cell>
          <cell r="E346">
            <v>1</v>
          </cell>
          <cell r="F346" t="str">
            <v>t</v>
          </cell>
          <cell r="G346">
            <v>10800</v>
          </cell>
          <cell r="H346" t="str">
            <v>建設物価版H15-6,P164(小口,バラ)</v>
          </cell>
        </row>
        <row r="409">
          <cell r="A409" t="str">
            <v>Z9999</v>
          </cell>
          <cell r="B409" t="str">
            <v>諸雑費</v>
          </cell>
          <cell r="E409">
            <v>1</v>
          </cell>
          <cell r="F409" t="str">
            <v>式</v>
          </cell>
        </row>
        <row r="410">
          <cell r="A410" t="str">
            <v>Z0100</v>
          </cell>
          <cell r="B410" t="str">
            <v>合計</v>
          </cell>
        </row>
        <row r="411">
          <cell r="A411" t="str">
            <v>Z0101</v>
          </cell>
          <cell r="B411" t="str">
            <v>1ｍ3当り</v>
          </cell>
        </row>
        <row r="412">
          <cell r="A412" t="str">
            <v>Z0102</v>
          </cell>
          <cell r="B412" t="str">
            <v>1ｍ2当り</v>
          </cell>
        </row>
        <row r="413">
          <cell r="A413" t="str">
            <v>Z0103</v>
          </cell>
          <cell r="B413" t="str">
            <v>1ｍ当り</v>
          </cell>
        </row>
        <row r="414">
          <cell r="A414" t="str">
            <v>Z0041</v>
          </cell>
          <cell r="B414" t="str">
            <v>諸雑費</v>
          </cell>
          <cell r="E414">
            <v>1</v>
          </cell>
          <cell r="F414" t="str">
            <v>式</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
      <sheetName val="条件"/>
      <sheetName val="計算書"/>
      <sheetName val="活性アルミナ、膜交換頻度"/>
      <sheetName val="管理条件"/>
      <sheetName val="機器ﾘｽﾄ（電力用） "/>
      <sheetName val="電気代"/>
      <sheetName val="計"/>
      <sheetName val="機器ﾘｽﾄ "/>
    </sheetNames>
    <sheetDataSet>
      <sheetData sheetId="0" refreshError="1"/>
      <sheetData sheetId="1">
        <row r="6">
          <cell r="C6">
            <v>277.2</v>
          </cell>
        </row>
      </sheetData>
      <sheetData sheetId="2"/>
      <sheetData sheetId="3" refreshError="1"/>
      <sheetData sheetId="4"/>
      <sheetData sheetId="5"/>
      <sheetData sheetId="6"/>
      <sheetData sheetId="7" refreshError="1"/>
      <sheetData sheetId="8"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件名データ"/>
      <sheetName val="要求調書・通達書"/>
      <sheetName val="資金計画"/>
      <sheetName val="工事概要書(準継続用)"/>
      <sheetName val="工事費内訳書"/>
      <sheetName val="工程表"/>
      <sheetName val="工事概要"/>
      <sheetName val="ヘッダ"/>
      <sheetName val="Code"/>
      <sheetName val="予算支出区分"/>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ﾎｲｽﾄﾚｰﾙ数量【か所毎】"/>
      <sheetName val="No.1"/>
      <sheetName val="No.2"/>
      <sheetName val="Sheet2"/>
      <sheetName val="Sheet3"/>
      <sheetName val="ﾎｲｽﾄﾚｰﾙ数量【か所毎】修正150707"/>
    </sheetNames>
    <definedNames>
      <definedName name="φ50本設配管" refersTo="#REF!"/>
    </definedNames>
    <sheetDataSet>
      <sheetData sheetId="0" refreshError="1"/>
      <sheetData sheetId="1" refreshError="1"/>
      <sheetData sheetId="2" refreshError="1"/>
      <sheetData sheetId="3" refreshError="1"/>
      <sheetData sheetId="4" refreshError="1"/>
      <sheetData sheetId="5"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程算出"/>
      <sheetName val="損料１"/>
      <sheetName val="損料２"/>
      <sheetName val="電工程1-1"/>
      <sheetName val="電工程1-2"/>
      <sheetName val="契電"/>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工事費総括表"/>
      <sheetName val="内訳"/>
      <sheetName val="一位代価"/>
      <sheetName val="資材単価"/>
      <sheetName val="市価"/>
      <sheetName val="市価採用根拠"/>
      <sheetName val="数量計算書"/>
      <sheetName val="内訳数量確認"/>
      <sheetName val="日数"/>
      <sheetName val="工程表 "/>
      <sheetName val="運搬算出"/>
      <sheetName val="構造計算 "/>
      <sheetName val="府県別労務"/>
      <sheetName val="損料"/>
      <sheetName val="その他率"/>
      <sheetName val="表紙"/>
      <sheetName val="決議書　1"/>
      <sheetName val="決議書　2"/>
      <sheetName val="検査調書"/>
      <sheetName val="出張計画書"/>
      <sheetName val="監督報告書"/>
      <sheetName val="監督終了報告書"/>
      <sheetName val="労務単価"/>
      <sheetName val="H13労務単価"/>
      <sheetName val="H13技術者単価"/>
      <sheetName val="図面供覧"/>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refreshError="1"/>
      <sheetData sheetId="9"/>
      <sheetData sheetId="10" refreshError="1"/>
      <sheetData sheetId="11" refreshError="1"/>
      <sheetData sheetId="12" refreshError="1"/>
      <sheetData sheetId="13" refreshError="1">
        <row r="50">
          <cell r="C50">
            <v>15700</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sheetData sheetId="25" refreshError="1"/>
      <sheetData sheetId="26" refreshError="1"/>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 val="建材表（全体用）"/>
      <sheetName val="換気計算（全体用）"/>
      <sheetName val="建材表・換気計算（居室毎用）"/>
      <sheetName val="天井裏等（居室毎用）"/>
    </sheetNames>
    <sheetDataSet>
      <sheetData sheetId="0"/>
      <sheetData sheetId="1" refreshError="1"/>
      <sheetData sheetId="2"/>
      <sheetData sheetId="3" refreshError="1"/>
      <sheetData sheetId="4"/>
      <sheetData sheetId="5"/>
      <sheetData sheetId="6"/>
      <sheetData sheetId="7"/>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
      <sheetName val="明細"/>
      <sheetName val="代価表"/>
      <sheetName val="第7号代価表_鋳鉄管"/>
    </sheetNames>
    <sheetDataSet>
      <sheetData sheetId="0"/>
      <sheetData sheetId="1"/>
      <sheetData sheetId="2"/>
      <sheetData sheetId="3"/>
      <sheetData sheetId="4"/>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書"/>
      <sheetName val="明細書"/>
      <sheetName val="小鋳管"/>
      <sheetName val="輸送費"/>
      <sheetName val="水･電力"/>
      <sheetName val="労務単価"/>
      <sheetName val="見積･重量"/>
      <sheetName val="諸経費"/>
      <sheetName val="人工"/>
      <sheetName val="ページ設定"/>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仮設躯体"/>
      <sheetName val="外壁面積"/>
      <sheetName val="外部"/>
      <sheetName val="室内"/>
      <sheetName val="内部"/>
      <sheetName val="外構"/>
      <sheetName val="解体"/>
      <sheetName val="単価閲覧"/>
      <sheetName val="付帯"/>
      <sheetName val="ﾁｪｯｸ"/>
      <sheetName val="内訳"/>
      <sheetName val="比較"/>
      <sheetName val="比較 (2)"/>
      <sheetName val="改修"/>
      <sheetName val="Module1"/>
    </sheetNames>
    <sheetDataSet>
      <sheetData sheetId="0">
        <row r="2">
          <cell r="D2" t="str">
            <v>◇◇新ＥＸ－３６００ｗ◆◆</v>
          </cell>
          <cell r="G2" t="str">
            <v xml:space="preserve"> Ver 1.0</v>
          </cell>
          <cell r="I2" t="str">
            <v>青字入力</v>
          </cell>
        </row>
        <row r="3">
          <cell r="D3" t="str">
            <v xml:space="preserve">       基本設計概算ﾌﾟﾛｸﾞﾗﾑ</v>
          </cell>
          <cell r="I3" t="str">
            <v>入力範囲</v>
          </cell>
        </row>
        <row r="4">
          <cell r="A4" t="str">
            <v>①基本データの入力</v>
          </cell>
          <cell r="F4" t="str">
            <v>ｻﾌﾞﾀｲﾄﾙ</v>
          </cell>
          <cell r="I4" t="str">
            <v>計算結果</v>
          </cell>
        </row>
        <row r="5">
          <cell r="A5" t="str">
            <v>件名</v>
          </cell>
          <cell r="B5" t="str">
            <v>三重県立看護大学大学院研究科棟建築工事</v>
          </cell>
        </row>
        <row r="7">
          <cell r="A7" t="str">
            <v>構造規模</v>
          </cell>
          <cell r="B7" t="str">
            <v>構造種名</v>
          </cell>
          <cell r="C7" t="str">
            <v>地上階数</v>
          </cell>
          <cell r="D7" t="str">
            <v>地下階数</v>
          </cell>
          <cell r="E7" t="str">
            <v>塔屋階数</v>
          </cell>
        </row>
        <row r="8">
          <cell r="B8" t="str">
            <v>RC</v>
          </cell>
          <cell r="C8">
            <v>3</v>
          </cell>
          <cell r="D8">
            <v>0</v>
          </cell>
          <cell r="E8">
            <v>0</v>
          </cell>
        </row>
        <row r="9">
          <cell r="B9" t="str">
            <v>建築m2</v>
          </cell>
          <cell r="C9" t="str">
            <v>基準法m2</v>
          </cell>
          <cell r="D9" t="str">
            <v>施工床m2</v>
          </cell>
          <cell r="E9" t="str">
            <v>内訳m2</v>
          </cell>
        </row>
        <row r="10">
          <cell r="B10">
            <v>898.61</v>
          </cell>
          <cell r="C10">
            <v>893</v>
          </cell>
          <cell r="D10">
            <v>990</v>
          </cell>
          <cell r="E10">
            <v>892.91</v>
          </cell>
        </row>
        <row r="11">
          <cell r="E11">
            <v>270.10000000000002</v>
          </cell>
          <cell r="F11" t="str">
            <v>坪</v>
          </cell>
        </row>
        <row r="12">
          <cell r="E12" t="str">
            <v>(設備電気)</v>
          </cell>
          <cell r="F12" t="str">
            <v>（付帯）</v>
          </cell>
        </row>
        <row r="13">
          <cell r="A13" t="str">
            <v>共通仮設</v>
          </cell>
          <cell r="B13" t="str">
            <v>建設省率</v>
          </cell>
          <cell r="C13" t="str">
            <v>←掛け率</v>
          </cell>
          <cell r="D13" t="str">
            <v>←指定率</v>
          </cell>
          <cell r="E13" t="str">
            <v>指定率(一括)</v>
          </cell>
          <cell r="F13" t="str">
            <v>指定率(一括)</v>
          </cell>
          <cell r="G13" t="str">
            <v>金額単位</v>
          </cell>
          <cell r="H13" t="str">
            <v>概略工期</v>
          </cell>
          <cell r="I13" t="str">
            <v>←月数変更</v>
          </cell>
        </row>
        <row r="14">
          <cell r="B14">
            <v>6.2E-2</v>
          </cell>
          <cell r="C14">
            <v>1</v>
          </cell>
          <cell r="E14">
            <v>0.03</v>
          </cell>
          <cell r="F14">
            <v>0.03</v>
          </cell>
          <cell r="G14">
            <v>10000</v>
          </cell>
          <cell r="H14" t="str">
            <v xml:space="preserve">    11ｹ月</v>
          </cell>
          <cell r="I14">
            <v>11</v>
          </cell>
        </row>
        <row r="15">
          <cell r="B15" t="str">
            <v>(特殊加算額)</v>
          </cell>
        </row>
        <row r="16">
          <cell r="B16" t="str">
            <v>ﾀﾜｰｸﾚｰﾝ</v>
          </cell>
          <cell r="C16" t="str">
            <v>ｶﾞｰﾄﾞﾏﾝ</v>
          </cell>
          <cell r="D16" t="str">
            <v>借地料</v>
          </cell>
          <cell r="E16" t="str">
            <v>特殊加算計</v>
          </cell>
          <cell r="G16" t="str">
            <v>ﾊﾞｰｼﾞｮﾝｱｯﾌﾟ99</v>
          </cell>
          <cell r="I16" t="str">
            <v>99/9/6</v>
          </cell>
        </row>
        <row r="17">
          <cell r="E17">
            <v>0</v>
          </cell>
          <cell r="F17" t="str">
            <v>円</v>
          </cell>
          <cell r="G17" t="str">
            <v>①単価閲覧シートを追加</v>
          </cell>
        </row>
        <row r="18">
          <cell r="G18" t="str">
            <v xml:space="preserve">②外周長及び外壁面積の計算表を追加 </v>
          </cell>
        </row>
        <row r="19">
          <cell r="A19" t="str">
            <v>諸経費</v>
          </cell>
          <cell r="B19" t="str">
            <v>分離発注</v>
          </cell>
          <cell r="C19" t="str">
            <v>一括発注</v>
          </cell>
          <cell r="D19" t="str">
            <v>金額単位</v>
          </cell>
          <cell r="G19" t="str">
            <v>③杭のコストテーブルを追加</v>
          </cell>
        </row>
        <row r="20">
          <cell r="B20">
            <v>0.16</v>
          </cell>
          <cell r="D20">
            <v>100000</v>
          </cell>
          <cell r="G20" t="str">
            <v>④形状別の室内仕上の計算表を改訂</v>
          </cell>
        </row>
        <row r="21">
          <cell r="G21" t="str">
            <v>⑤解体算出シートを新規追加</v>
          </cell>
        </row>
        <row r="182">
          <cell r="A182" t="str">
            <v>躯　体</v>
          </cell>
        </row>
      </sheetData>
      <sheetData sheetId="1"/>
      <sheetData sheetId="2">
        <row r="1">
          <cell r="A1" t="str">
            <v>外部屋根</v>
          </cell>
        </row>
        <row r="193">
          <cell r="A193" t="str">
            <v>外部建具</v>
          </cell>
        </row>
      </sheetData>
      <sheetData sheetId="3"/>
      <sheetData sheetId="4">
        <row r="1">
          <cell r="A1" t="str">
            <v>内部建具</v>
          </cell>
        </row>
      </sheetData>
      <sheetData sheetId="5">
        <row r="1">
          <cell r="A1" t="str">
            <v>外構工事</v>
          </cell>
        </row>
      </sheetData>
      <sheetData sheetId="6"/>
      <sheetData sheetId="7"/>
      <sheetData sheetId="8">
        <row r="3">
          <cell r="F3" t="str">
            <v>地質調査</v>
          </cell>
        </row>
        <row r="4">
          <cell r="C4">
            <v>49700000</v>
          </cell>
        </row>
      </sheetData>
      <sheetData sheetId="9"/>
      <sheetData sheetId="10">
        <row r="56">
          <cell r="A56">
            <v>4</v>
          </cell>
        </row>
      </sheetData>
      <sheetData sheetId="11"/>
      <sheetData sheetId="12"/>
      <sheetData sheetId="13"/>
      <sheetData sheetId="14" refreshError="1"/>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条件"/>
      <sheetName val="容計"/>
      <sheetName val="Sheet5"/>
    </sheetNames>
    <sheetDataSet>
      <sheetData sheetId="0">
        <row r="5">
          <cell r="C5">
            <v>1.1000000000000001</v>
          </cell>
        </row>
        <row r="8">
          <cell r="C8">
            <v>2</v>
          </cell>
        </row>
        <row r="9">
          <cell r="C9">
            <v>4</v>
          </cell>
        </row>
        <row r="10">
          <cell r="C10">
            <v>12</v>
          </cell>
        </row>
        <row r="11">
          <cell r="C11">
            <v>48</v>
          </cell>
        </row>
        <row r="14">
          <cell r="C14">
            <v>90.9</v>
          </cell>
        </row>
        <row r="15">
          <cell r="C15" t="str">
            <v>163.8</v>
          </cell>
        </row>
        <row r="16">
          <cell r="C16">
            <v>5</v>
          </cell>
        </row>
        <row r="17">
          <cell r="C17" t="str">
            <v>156.3</v>
          </cell>
        </row>
        <row r="18">
          <cell r="C18" t="str">
            <v>7.4</v>
          </cell>
        </row>
        <row r="21">
          <cell r="C21">
            <v>60</v>
          </cell>
          <cell r="E21">
            <v>16</v>
          </cell>
        </row>
        <row r="22">
          <cell r="C22">
            <v>10</v>
          </cell>
        </row>
        <row r="23">
          <cell r="C23">
            <v>180</v>
          </cell>
          <cell r="E23">
            <v>8</v>
          </cell>
        </row>
        <row r="24">
          <cell r="C24">
            <v>60</v>
          </cell>
        </row>
      </sheetData>
      <sheetData sheetId="1"/>
      <sheetData sheetId="2"/>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説明"/>
      <sheetName val="条件"/>
      <sheetName val="計算書"/>
      <sheetName val="活性アルミナ、膜交換頻度"/>
      <sheetName val="管理条件"/>
      <sheetName val="機器ﾘｽﾄ（電力用） "/>
      <sheetName val="電気代"/>
      <sheetName val="計"/>
      <sheetName val="機器ﾘｽﾄ "/>
    </sheetNames>
    <sheetDataSet>
      <sheetData sheetId="0" refreshError="1"/>
      <sheetData sheetId="1">
        <row r="6">
          <cell r="C6">
            <v>277.2</v>
          </cell>
        </row>
      </sheetData>
      <sheetData sheetId="2"/>
      <sheetData sheetId="3" refreshError="1"/>
      <sheetData sheetId="4"/>
      <sheetData sheetId="5"/>
      <sheetData sheetId="6"/>
      <sheetData sheetId="7" refreshError="1"/>
      <sheetData sheetId="8" refreshError="1"/>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表"/>
      <sheetName val="材料単価表"/>
      <sheetName val="排水桝"/>
      <sheetName val="汚水桝"/>
    </sheetNames>
    <sheetDataSet>
      <sheetData sheetId="0"/>
      <sheetData sheetId="1"/>
      <sheetData sheetId="2"/>
      <sheetData sheetId="3"/>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表"/>
      <sheetName val="材料単価表"/>
      <sheetName val="排水桝"/>
      <sheetName val="汚水桝"/>
    </sheetNames>
    <sheetDataSet>
      <sheetData sheetId="0"/>
      <sheetData sheetId="1"/>
      <sheetData sheetId="2"/>
      <sheetData sheetId="3"/>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弁･ダンパー"/>
      <sheetName val="亜鉛鉄板"/>
      <sheetName val="塩ビダクト"/>
      <sheetName val="換気機器"/>
      <sheetName val="管･円形風道"/>
    </sheetNames>
    <sheetDataSet>
      <sheetData sheetId="0" refreshError="1"/>
      <sheetData sheetId="1">
        <row r="1">
          <cell r="AP1" t="str">
            <v>/CA9.aa44~~/wxCA9.T44~~</v>
          </cell>
        </row>
      </sheetData>
      <sheetData sheetId="2" refreshError="1"/>
      <sheetData sheetId="3" refreshError="1"/>
      <sheetData sheetId="4" refreshError="1"/>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人工集計表"/>
      <sheetName val="歩掛分類表"/>
      <sheetName val="機器等据付工"/>
      <sheetName val="機器等据付重量表"/>
      <sheetName val="計装設備歩掛"/>
    </sheetNames>
    <sheetDataSet>
      <sheetData sheetId="0" refreshError="1"/>
      <sheetData sheetId="1" refreshError="1"/>
      <sheetData sheetId="2" refreshError="1"/>
      <sheetData sheetId="3">
        <row r="8">
          <cell r="B8" t="str">
            <v>送風機6号</v>
          </cell>
        </row>
        <row r="10">
          <cell r="B10" t="str">
            <v>6号用電動機</v>
          </cell>
        </row>
        <row r="12">
          <cell r="B12" t="str">
            <v>計</v>
          </cell>
        </row>
        <row r="14">
          <cell r="B14" t="str">
            <v>吐出弁6号</v>
          </cell>
        </row>
        <row r="16">
          <cell r="B16" t="str">
            <v>逆止弁6号</v>
          </cell>
        </row>
        <row r="18">
          <cell r="B18" t="str">
            <v>6号用電動機起動用抵抗器</v>
          </cell>
        </row>
        <row r="20">
          <cell r="B20" t="str">
            <v>4号送風機用切替弁</v>
          </cell>
        </row>
        <row r="22">
          <cell r="B22" t="str">
            <v>送風機用増設弁</v>
          </cell>
        </row>
        <row r="24">
          <cell r="B24" t="str">
            <v>湿式空気ろ過器</v>
          </cell>
        </row>
        <row r="26">
          <cell r="B26" t="str">
            <v>乾式空気ろ過器</v>
          </cell>
        </row>
        <row r="28">
          <cell r="B28" t="str">
            <v>オリフィス流量計(500A)</v>
          </cell>
        </row>
        <row r="30">
          <cell r="B30" t="str">
            <v>鋼製加工品</v>
          </cell>
        </row>
      </sheetData>
      <sheetData sheetId="4">
        <row r="7">
          <cell r="C7">
            <v>1</v>
          </cell>
        </row>
      </sheetData>
      <sheetData sheetId="5" refreshError="1"/>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搬入据付様式"/>
      <sheetName val="搬入据付費"/>
      <sheetName val="衛生設備"/>
    </sheetNames>
    <sheetDataSet>
      <sheetData sheetId="0"/>
      <sheetData sheetId="1" refreshError="1"/>
      <sheetData sheetId="2"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積算書"/>
      <sheetName val="内訳明細書"/>
      <sheetName val="一位代価表"/>
      <sheetName val="内訳明細書 (2)"/>
      <sheetName val="見積01"/>
    </sheetNames>
    <sheetDataSet>
      <sheetData sheetId="0" refreshError="1"/>
      <sheetData sheetId="1" refreshError="1"/>
      <sheetData sheetId="2" refreshError="1"/>
      <sheetData sheetId="3" refreshError="1"/>
      <sheetData sheetId="4" refreshError="1"/>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鏡１"/>
      <sheetName val="鏡２"/>
      <sheetName val="本工事内訳表"/>
      <sheetName val="明細書"/>
      <sheetName val="代価"/>
      <sheetName val="経費計算"/>
      <sheetName val="見積比較機械"/>
      <sheetName val="見積比較電気"/>
    </sheetNames>
    <sheetDataSet>
      <sheetData sheetId="0"/>
      <sheetData sheetId="1"/>
      <sheetData sheetId="2"/>
      <sheetData sheetId="3"/>
      <sheetData sheetId="4"/>
      <sheetData sheetId="5"/>
      <sheetData sheetId="6"/>
      <sheetData sheetId="7"/>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配管"/>
      <sheetName val="配管代価"/>
      <sheetName val="換気"/>
      <sheetName val="Sheet1 (6)"/>
      <sheetName val="Sheet1 (7)"/>
      <sheetName val="代価表 "/>
      <sheetName val="見積比較"/>
      <sheetName val="見積比較 (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7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空調"/>
      <sheetName val="割増計算"/>
      <sheetName val="配管"/>
      <sheetName val="土工計算"/>
      <sheetName val="換気"/>
      <sheetName val="換気 (対象外)"/>
      <sheetName val="ﾁｬﾝﾊﾞｰ計算"/>
      <sheetName val="代価表 "/>
      <sheetName val="見積比較"/>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7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7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名"/>
      <sheetName val="印刷画面"/>
      <sheetName val="経費率入力"/>
      <sheetName val="Sheet3"/>
      <sheetName val="Sheet1"/>
      <sheetName val="設計書入力"/>
      <sheetName val="Sheet4"/>
      <sheetName val="設計書１出力"/>
      <sheetName val="金抜き設計書出力"/>
      <sheetName val="設計書出力"/>
      <sheetName val="Sheet2"/>
      <sheetName val="間接費実行"/>
    </sheetNames>
    <sheetDataSet>
      <sheetData sheetId="0"/>
      <sheetData sheetId="1"/>
      <sheetData sheetId="2"/>
      <sheetData sheetId="3"/>
      <sheetData sheetId="4"/>
      <sheetData sheetId="5">
        <row r="21">
          <cell r="FD21">
            <v>1</v>
          </cell>
          <cell r="FE21">
            <v>2</v>
          </cell>
          <cell r="FF21">
            <v>3</v>
          </cell>
          <cell r="FG21">
            <v>4</v>
          </cell>
          <cell r="FH21">
            <v>5</v>
          </cell>
          <cell r="FI21">
            <v>6</v>
          </cell>
          <cell r="FJ21">
            <v>7</v>
          </cell>
          <cell r="FK21">
            <v>8</v>
          </cell>
          <cell r="FL21">
            <v>9</v>
          </cell>
          <cell r="FM21">
            <v>10</v>
          </cell>
          <cell r="FN21">
            <v>11</v>
          </cell>
          <cell r="FO21">
            <v>12</v>
          </cell>
          <cell r="FP21">
            <v>13</v>
          </cell>
          <cell r="FQ21">
            <v>14</v>
          </cell>
          <cell r="FR21">
            <v>15</v>
          </cell>
          <cell r="FS21">
            <v>16</v>
          </cell>
          <cell r="FT21">
            <v>17</v>
          </cell>
          <cell r="FU21">
            <v>18</v>
          </cell>
          <cell r="FV21">
            <v>19</v>
          </cell>
          <cell r="FW21">
            <v>20</v>
          </cell>
          <cell r="FX21">
            <v>21</v>
          </cell>
          <cell r="FY21">
            <v>22</v>
          </cell>
          <cell r="FZ21">
            <v>23</v>
          </cell>
          <cell r="GA21">
            <v>24</v>
          </cell>
          <cell r="GB21">
            <v>25</v>
          </cell>
          <cell r="GC21">
            <v>26</v>
          </cell>
          <cell r="GD21">
            <v>27</v>
          </cell>
          <cell r="GE21">
            <v>28</v>
          </cell>
          <cell r="GF21">
            <v>29</v>
          </cell>
          <cell r="GG21">
            <v>30</v>
          </cell>
          <cell r="GH21">
            <v>31</v>
          </cell>
        </row>
        <row r="22">
          <cell r="FD22">
            <v>1438528</v>
          </cell>
          <cell r="FE22">
            <v>1049614</v>
          </cell>
          <cell r="FF22">
            <v>565420</v>
          </cell>
          <cell r="FG22">
            <v>0</v>
          </cell>
          <cell r="FH22">
            <v>0</v>
          </cell>
          <cell r="FI22">
            <v>0</v>
          </cell>
          <cell r="FJ22">
            <v>0</v>
          </cell>
          <cell r="FK22">
            <v>0</v>
          </cell>
          <cell r="FL22">
            <v>0</v>
          </cell>
          <cell r="FM22">
            <v>0</v>
          </cell>
          <cell r="FN22">
            <v>0</v>
          </cell>
          <cell r="FO22">
            <v>0</v>
          </cell>
          <cell r="FP22">
            <v>0</v>
          </cell>
          <cell r="FQ22">
            <v>0</v>
          </cell>
          <cell r="FR22">
            <v>0</v>
          </cell>
          <cell r="FS22">
            <v>0</v>
          </cell>
          <cell r="FT22">
            <v>0</v>
          </cell>
          <cell r="FU22">
            <v>0</v>
          </cell>
          <cell r="FV22">
            <v>0</v>
          </cell>
          <cell r="FW22">
            <v>0</v>
          </cell>
          <cell r="FX22">
            <v>0</v>
          </cell>
          <cell r="FY22">
            <v>0</v>
          </cell>
          <cell r="FZ22">
            <v>0</v>
          </cell>
          <cell r="GA22">
            <v>0</v>
          </cell>
          <cell r="GB22">
            <v>0</v>
          </cell>
          <cell r="GC22">
            <v>0</v>
          </cell>
          <cell r="GD22">
            <v>0</v>
          </cell>
          <cell r="GE22">
            <v>0</v>
          </cell>
          <cell r="GF22">
            <v>0</v>
          </cell>
          <cell r="GG22">
            <v>0</v>
          </cell>
          <cell r="GH22">
            <v>0</v>
          </cell>
        </row>
        <row r="23">
          <cell r="DT23" t="str">
            <v/>
          </cell>
          <cell r="DU23" t="str">
            <v/>
          </cell>
        </row>
        <row r="24">
          <cell r="DT24" t="str">
            <v/>
          </cell>
          <cell r="DU24" t="str">
            <v/>
          </cell>
        </row>
        <row r="25">
          <cell r="DT25">
            <v>1</v>
          </cell>
          <cell r="DU25" t="str">
            <v>給水設備工事</v>
          </cell>
        </row>
        <row r="26">
          <cell r="DT26" t="str">
            <v/>
          </cell>
          <cell r="DU26" t="str">
            <v/>
          </cell>
        </row>
        <row r="27">
          <cell r="DT27" t="str">
            <v/>
          </cell>
          <cell r="DU27" t="str">
            <v/>
          </cell>
        </row>
        <row r="28">
          <cell r="DT28" t="str">
            <v/>
          </cell>
          <cell r="DU28" t="str">
            <v/>
          </cell>
        </row>
        <row r="29">
          <cell r="DT29" t="str">
            <v/>
          </cell>
          <cell r="DU29" t="str">
            <v/>
          </cell>
        </row>
        <row r="30">
          <cell r="DT30" t="str">
            <v/>
          </cell>
          <cell r="DU30" t="str">
            <v/>
          </cell>
        </row>
        <row r="31">
          <cell r="DT31" t="str">
            <v/>
          </cell>
          <cell r="DU31" t="str">
            <v/>
          </cell>
        </row>
        <row r="32">
          <cell r="DT32" t="str">
            <v/>
          </cell>
          <cell r="DU32" t="str">
            <v/>
          </cell>
        </row>
        <row r="33">
          <cell r="DT33" t="str">
            <v/>
          </cell>
          <cell r="DU33" t="str">
            <v/>
          </cell>
        </row>
        <row r="34">
          <cell r="DT34" t="str">
            <v/>
          </cell>
          <cell r="DU34" t="str">
            <v/>
          </cell>
        </row>
        <row r="35">
          <cell r="DT35" t="str">
            <v/>
          </cell>
          <cell r="DU35" t="str">
            <v/>
          </cell>
        </row>
        <row r="36">
          <cell r="DT36" t="str">
            <v/>
          </cell>
          <cell r="DU36" t="str">
            <v/>
          </cell>
        </row>
        <row r="37">
          <cell r="DT37" t="str">
            <v/>
          </cell>
          <cell r="DU37" t="str">
            <v/>
          </cell>
        </row>
        <row r="38">
          <cell r="DT38" t="str">
            <v/>
          </cell>
          <cell r="DU38" t="str">
            <v/>
          </cell>
        </row>
        <row r="39">
          <cell r="DT39" t="str">
            <v/>
          </cell>
          <cell r="DU39" t="str">
            <v/>
          </cell>
        </row>
        <row r="40">
          <cell r="DT40" t="str">
            <v/>
          </cell>
          <cell r="DU40" t="str">
            <v/>
          </cell>
        </row>
        <row r="41">
          <cell r="DT41" t="str">
            <v/>
          </cell>
          <cell r="DU41" t="str">
            <v/>
          </cell>
        </row>
        <row r="42">
          <cell r="DT42" t="str">
            <v/>
          </cell>
          <cell r="DU42" t="str">
            <v/>
          </cell>
        </row>
        <row r="43">
          <cell r="DT43" t="str">
            <v/>
          </cell>
          <cell r="DU43" t="str">
            <v/>
          </cell>
        </row>
        <row r="44">
          <cell r="DT44" t="str">
            <v/>
          </cell>
          <cell r="DU44" t="str">
            <v/>
          </cell>
        </row>
        <row r="45">
          <cell r="DT45" t="str">
            <v/>
          </cell>
          <cell r="DU45" t="str">
            <v/>
          </cell>
        </row>
        <row r="46">
          <cell r="DT46" t="str">
            <v/>
          </cell>
          <cell r="DU46" t="str">
            <v/>
          </cell>
        </row>
        <row r="47">
          <cell r="DT47" t="str">
            <v/>
          </cell>
          <cell r="DU47" t="str">
            <v/>
          </cell>
        </row>
        <row r="48">
          <cell r="DT48" t="str">
            <v/>
          </cell>
          <cell r="DU48" t="str">
            <v/>
          </cell>
        </row>
        <row r="49">
          <cell r="DT49" t="str">
            <v/>
          </cell>
          <cell r="DU49" t="str">
            <v/>
          </cell>
        </row>
        <row r="50">
          <cell r="DT50" t="str">
            <v/>
          </cell>
          <cell r="DU50" t="str">
            <v/>
          </cell>
        </row>
        <row r="51">
          <cell r="DT51" t="str">
            <v/>
          </cell>
          <cell r="DU51" t="str">
            <v/>
          </cell>
        </row>
        <row r="52">
          <cell r="DT52" t="str">
            <v/>
          </cell>
          <cell r="DU52" t="str">
            <v/>
          </cell>
        </row>
        <row r="53">
          <cell r="DT53" t="str">
            <v/>
          </cell>
          <cell r="DU53" t="str">
            <v/>
          </cell>
        </row>
        <row r="54">
          <cell r="DT54" t="str">
            <v/>
          </cell>
          <cell r="DU54" t="str">
            <v/>
          </cell>
        </row>
        <row r="55">
          <cell r="DT55" t="str">
            <v/>
          </cell>
          <cell r="DU55" t="str">
            <v/>
          </cell>
        </row>
        <row r="56">
          <cell r="DT56" t="str">
            <v/>
          </cell>
          <cell r="DU56" t="str">
            <v/>
          </cell>
        </row>
        <row r="57">
          <cell r="DT57" t="str">
            <v/>
          </cell>
          <cell r="DU57" t="str">
            <v/>
          </cell>
        </row>
        <row r="58">
          <cell r="DT58" t="str">
            <v/>
          </cell>
          <cell r="DU58" t="str">
            <v/>
          </cell>
        </row>
        <row r="59">
          <cell r="DT59" t="str">
            <v/>
          </cell>
          <cell r="DU59" t="str">
            <v/>
          </cell>
        </row>
        <row r="60">
          <cell r="DT60" t="str">
            <v/>
          </cell>
          <cell r="DU60" t="str">
            <v/>
          </cell>
        </row>
        <row r="61">
          <cell r="DT61" t="str">
            <v/>
          </cell>
          <cell r="DU61" t="str">
            <v/>
          </cell>
        </row>
        <row r="62">
          <cell r="DT62" t="str">
            <v/>
          </cell>
          <cell r="DU62" t="str">
            <v/>
          </cell>
        </row>
        <row r="63">
          <cell r="DT63" t="str">
            <v/>
          </cell>
          <cell r="DU63" t="str">
            <v/>
          </cell>
        </row>
        <row r="64">
          <cell r="DT64" t="str">
            <v/>
          </cell>
          <cell r="DU64" t="str">
            <v/>
          </cell>
        </row>
        <row r="65">
          <cell r="DT65" t="str">
            <v/>
          </cell>
          <cell r="DU65" t="str">
            <v/>
          </cell>
        </row>
        <row r="66">
          <cell r="DT66" t="str">
            <v/>
          </cell>
          <cell r="DU66" t="str">
            <v/>
          </cell>
        </row>
        <row r="67">
          <cell r="DT67" t="str">
            <v/>
          </cell>
          <cell r="DU67" t="str">
            <v/>
          </cell>
        </row>
        <row r="68">
          <cell r="DT68" t="str">
            <v/>
          </cell>
          <cell r="DU68" t="str">
            <v/>
          </cell>
        </row>
        <row r="69">
          <cell r="DT69" t="str">
            <v/>
          </cell>
          <cell r="DU69" t="str">
            <v/>
          </cell>
        </row>
        <row r="70">
          <cell r="DT70" t="str">
            <v/>
          </cell>
          <cell r="DU70" t="str">
            <v/>
          </cell>
        </row>
        <row r="71">
          <cell r="DT71" t="str">
            <v/>
          </cell>
          <cell r="DU71" t="str">
            <v/>
          </cell>
        </row>
        <row r="72">
          <cell r="DT72" t="str">
            <v/>
          </cell>
          <cell r="DU72" t="str">
            <v/>
          </cell>
        </row>
        <row r="73">
          <cell r="DT73" t="str">
            <v/>
          </cell>
          <cell r="DU73" t="str">
            <v/>
          </cell>
        </row>
        <row r="74">
          <cell r="DT74" t="str">
            <v/>
          </cell>
          <cell r="DU74" t="str">
            <v/>
          </cell>
        </row>
        <row r="75">
          <cell r="DT75" t="str">
            <v/>
          </cell>
          <cell r="DU75" t="str">
            <v/>
          </cell>
        </row>
        <row r="76">
          <cell r="DT76" t="str">
            <v/>
          </cell>
          <cell r="DU76" t="str">
            <v/>
          </cell>
        </row>
        <row r="77">
          <cell r="DT77" t="str">
            <v/>
          </cell>
          <cell r="DU77" t="str">
            <v/>
          </cell>
        </row>
        <row r="78">
          <cell r="DT78" t="str">
            <v/>
          </cell>
          <cell r="DU78" t="str">
            <v/>
          </cell>
        </row>
        <row r="79">
          <cell r="DT79" t="str">
            <v/>
          </cell>
          <cell r="DU79" t="str">
            <v/>
          </cell>
        </row>
        <row r="80">
          <cell r="DT80">
            <v>2</v>
          </cell>
          <cell r="DU80" t="str">
            <v>排水通気設備工事</v>
          </cell>
        </row>
        <row r="81">
          <cell r="DT81" t="str">
            <v/>
          </cell>
          <cell r="DU81" t="str">
            <v/>
          </cell>
        </row>
        <row r="82">
          <cell r="DT82" t="str">
            <v/>
          </cell>
          <cell r="DU82" t="str">
            <v/>
          </cell>
        </row>
        <row r="83">
          <cell r="DT83" t="str">
            <v/>
          </cell>
          <cell r="DU83" t="str">
            <v/>
          </cell>
        </row>
        <row r="84">
          <cell r="DT84" t="str">
            <v/>
          </cell>
          <cell r="DU84" t="str">
            <v/>
          </cell>
        </row>
        <row r="85">
          <cell r="DT85" t="str">
            <v/>
          </cell>
          <cell r="DU85" t="str">
            <v/>
          </cell>
        </row>
        <row r="86">
          <cell r="DT86" t="str">
            <v/>
          </cell>
          <cell r="DU86" t="str">
            <v/>
          </cell>
        </row>
        <row r="87">
          <cell r="DT87" t="str">
            <v/>
          </cell>
          <cell r="DU87" t="str">
            <v/>
          </cell>
        </row>
        <row r="88">
          <cell r="DT88" t="str">
            <v/>
          </cell>
          <cell r="DU88" t="str">
            <v/>
          </cell>
        </row>
        <row r="89">
          <cell r="DT89" t="str">
            <v/>
          </cell>
          <cell r="DU89" t="str">
            <v/>
          </cell>
        </row>
        <row r="90">
          <cell r="DT90" t="str">
            <v/>
          </cell>
          <cell r="DU90" t="str">
            <v/>
          </cell>
        </row>
        <row r="91">
          <cell r="DT91" t="str">
            <v/>
          </cell>
          <cell r="DU91" t="str">
            <v/>
          </cell>
        </row>
        <row r="92">
          <cell r="DT92" t="str">
            <v/>
          </cell>
          <cell r="DU92" t="str">
            <v/>
          </cell>
        </row>
        <row r="93">
          <cell r="DT93" t="str">
            <v/>
          </cell>
          <cell r="DU93" t="str">
            <v/>
          </cell>
        </row>
        <row r="94">
          <cell r="DT94" t="str">
            <v/>
          </cell>
          <cell r="DU94" t="str">
            <v/>
          </cell>
        </row>
        <row r="95">
          <cell r="DT95" t="str">
            <v/>
          </cell>
          <cell r="DU95" t="str">
            <v/>
          </cell>
        </row>
        <row r="96">
          <cell r="DT96" t="str">
            <v/>
          </cell>
          <cell r="DU96" t="str">
            <v/>
          </cell>
        </row>
        <row r="97">
          <cell r="DT97" t="str">
            <v/>
          </cell>
          <cell r="DU97" t="str">
            <v/>
          </cell>
        </row>
        <row r="98">
          <cell r="DT98" t="str">
            <v/>
          </cell>
          <cell r="DU98" t="str">
            <v/>
          </cell>
        </row>
        <row r="99">
          <cell r="DT99" t="str">
            <v/>
          </cell>
          <cell r="DU99" t="str">
            <v/>
          </cell>
        </row>
        <row r="100">
          <cell r="DT100" t="str">
            <v/>
          </cell>
          <cell r="DU100" t="str">
            <v/>
          </cell>
        </row>
        <row r="101">
          <cell r="DT101" t="str">
            <v/>
          </cell>
          <cell r="DU101" t="str">
            <v/>
          </cell>
        </row>
        <row r="102">
          <cell r="DT102" t="str">
            <v/>
          </cell>
          <cell r="DU102" t="str">
            <v/>
          </cell>
        </row>
        <row r="103">
          <cell r="DT103" t="str">
            <v/>
          </cell>
          <cell r="DU103" t="str">
            <v/>
          </cell>
        </row>
        <row r="104">
          <cell r="DT104" t="str">
            <v/>
          </cell>
          <cell r="DU104" t="str">
            <v/>
          </cell>
        </row>
        <row r="105">
          <cell r="DT105" t="str">
            <v/>
          </cell>
          <cell r="DU105" t="str">
            <v/>
          </cell>
        </row>
        <row r="106">
          <cell r="DT106" t="str">
            <v/>
          </cell>
          <cell r="DU106" t="str">
            <v/>
          </cell>
        </row>
        <row r="107">
          <cell r="DT107" t="str">
            <v/>
          </cell>
          <cell r="DU107" t="str">
            <v/>
          </cell>
        </row>
        <row r="108">
          <cell r="DT108" t="str">
            <v/>
          </cell>
          <cell r="DU108" t="str">
            <v/>
          </cell>
        </row>
        <row r="109">
          <cell r="DT109" t="str">
            <v/>
          </cell>
          <cell r="DU109" t="str">
            <v/>
          </cell>
        </row>
        <row r="110">
          <cell r="DT110" t="str">
            <v/>
          </cell>
          <cell r="DU110" t="str">
            <v/>
          </cell>
        </row>
        <row r="111">
          <cell r="DT111" t="str">
            <v/>
          </cell>
          <cell r="DU111" t="str">
            <v/>
          </cell>
        </row>
        <row r="112">
          <cell r="DT112" t="str">
            <v/>
          </cell>
          <cell r="DU112" t="str">
            <v/>
          </cell>
        </row>
        <row r="113">
          <cell r="DT113" t="str">
            <v/>
          </cell>
          <cell r="DU113" t="str">
            <v/>
          </cell>
        </row>
        <row r="114">
          <cell r="DT114" t="str">
            <v/>
          </cell>
          <cell r="DU114" t="str">
            <v/>
          </cell>
        </row>
        <row r="115">
          <cell r="DT115" t="str">
            <v/>
          </cell>
          <cell r="DU115" t="str">
            <v/>
          </cell>
        </row>
        <row r="116">
          <cell r="DT116" t="str">
            <v/>
          </cell>
          <cell r="DU116" t="str">
            <v/>
          </cell>
        </row>
        <row r="117">
          <cell r="DT117" t="str">
            <v/>
          </cell>
          <cell r="DU117" t="str">
            <v/>
          </cell>
        </row>
        <row r="118">
          <cell r="DT118" t="str">
            <v/>
          </cell>
          <cell r="DU118" t="str">
            <v/>
          </cell>
        </row>
        <row r="119">
          <cell r="DT119" t="str">
            <v/>
          </cell>
          <cell r="DU119" t="str">
            <v/>
          </cell>
        </row>
        <row r="120">
          <cell r="DT120" t="str">
            <v/>
          </cell>
          <cell r="DU120" t="str">
            <v/>
          </cell>
        </row>
        <row r="121">
          <cell r="DT121" t="str">
            <v/>
          </cell>
          <cell r="DU121" t="str">
            <v/>
          </cell>
        </row>
        <row r="122">
          <cell r="DT122">
            <v>3</v>
          </cell>
          <cell r="DU122" t="str">
            <v>衛生器具設備工事</v>
          </cell>
        </row>
        <row r="123">
          <cell r="DT123" t="str">
            <v/>
          </cell>
          <cell r="DU123" t="str">
            <v/>
          </cell>
        </row>
        <row r="124">
          <cell r="DT124" t="str">
            <v/>
          </cell>
          <cell r="DU124" t="str">
            <v/>
          </cell>
        </row>
        <row r="125">
          <cell r="DT125" t="str">
            <v/>
          </cell>
          <cell r="DU125" t="str">
            <v/>
          </cell>
        </row>
        <row r="126">
          <cell r="DT126" t="str">
            <v/>
          </cell>
          <cell r="DU126" t="str">
            <v/>
          </cell>
        </row>
        <row r="127">
          <cell r="DT127" t="str">
            <v/>
          </cell>
          <cell r="DU127" t="str">
            <v/>
          </cell>
        </row>
        <row r="128">
          <cell r="DT128" t="str">
            <v/>
          </cell>
          <cell r="DU128" t="str">
            <v/>
          </cell>
        </row>
        <row r="129">
          <cell r="DT129" t="str">
            <v/>
          </cell>
          <cell r="DU129" t="str">
            <v/>
          </cell>
        </row>
        <row r="130">
          <cell r="DT130" t="str">
            <v/>
          </cell>
          <cell r="DU130" t="str">
            <v/>
          </cell>
        </row>
        <row r="131">
          <cell r="DT131" t="str">
            <v/>
          </cell>
          <cell r="DU131" t="str">
            <v/>
          </cell>
        </row>
        <row r="132">
          <cell r="DT132" t="str">
            <v/>
          </cell>
          <cell r="DU132" t="str">
            <v/>
          </cell>
        </row>
        <row r="133">
          <cell r="DT133" t="str">
            <v/>
          </cell>
          <cell r="DU133" t="str">
            <v/>
          </cell>
        </row>
        <row r="134">
          <cell r="DT134" t="str">
            <v/>
          </cell>
          <cell r="DU134" t="str">
            <v/>
          </cell>
        </row>
        <row r="135">
          <cell r="DT135" t="str">
            <v/>
          </cell>
          <cell r="DU135" t="str">
            <v/>
          </cell>
        </row>
        <row r="136">
          <cell r="DT136" t="str">
            <v/>
          </cell>
          <cell r="DU136" t="str">
            <v/>
          </cell>
        </row>
        <row r="137">
          <cell r="DT137" t="str">
            <v/>
          </cell>
          <cell r="DU137" t="str">
            <v/>
          </cell>
        </row>
        <row r="138">
          <cell r="DT138" t="str">
            <v/>
          </cell>
          <cell r="DU138" t="str">
            <v/>
          </cell>
        </row>
        <row r="139">
          <cell r="DT139" t="str">
            <v/>
          </cell>
          <cell r="DU139" t="str">
            <v/>
          </cell>
        </row>
        <row r="140">
          <cell r="DT140" t="str">
            <v/>
          </cell>
          <cell r="DU140" t="str">
            <v/>
          </cell>
        </row>
        <row r="141">
          <cell r="DT141" t="str">
            <v/>
          </cell>
          <cell r="DU141" t="str">
            <v/>
          </cell>
        </row>
        <row r="142">
          <cell r="DT142" t="str">
            <v/>
          </cell>
          <cell r="DU142" t="str">
            <v/>
          </cell>
        </row>
        <row r="143">
          <cell r="DT143" t="str">
            <v/>
          </cell>
          <cell r="DU143" t="str">
            <v/>
          </cell>
        </row>
        <row r="144">
          <cell r="DT144" t="str">
            <v/>
          </cell>
          <cell r="DU144" t="str">
            <v/>
          </cell>
        </row>
        <row r="145">
          <cell r="DT145" t="str">
            <v/>
          </cell>
          <cell r="DU145" t="str">
            <v/>
          </cell>
        </row>
        <row r="146">
          <cell r="DT146" t="str">
            <v/>
          </cell>
          <cell r="DU146" t="str">
            <v/>
          </cell>
        </row>
        <row r="147">
          <cell r="DT147" t="str">
            <v/>
          </cell>
          <cell r="DU147" t="str">
            <v/>
          </cell>
        </row>
        <row r="148">
          <cell r="DT148" t="str">
            <v/>
          </cell>
          <cell r="DU148" t="str">
            <v/>
          </cell>
        </row>
        <row r="149">
          <cell r="DT149" t="str">
            <v/>
          </cell>
          <cell r="DU149" t="str">
            <v/>
          </cell>
        </row>
        <row r="150">
          <cell r="DT150" t="str">
            <v/>
          </cell>
          <cell r="DU150" t="str">
            <v/>
          </cell>
        </row>
        <row r="151">
          <cell r="DT151" t="str">
            <v/>
          </cell>
          <cell r="DU151" t="str">
            <v/>
          </cell>
        </row>
        <row r="152">
          <cell r="DT152" t="str">
            <v/>
          </cell>
          <cell r="DU152" t="str">
            <v/>
          </cell>
        </row>
        <row r="153">
          <cell r="DT153" t="str">
            <v/>
          </cell>
          <cell r="DU153" t="str">
            <v/>
          </cell>
        </row>
        <row r="154">
          <cell r="DT154" t="str">
            <v/>
          </cell>
          <cell r="DU154" t="str">
            <v/>
          </cell>
        </row>
        <row r="155">
          <cell r="DT155" t="str">
            <v/>
          </cell>
          <cell r="DU155" t="str">
            <v/>
          </cell>
        </row>
        <row r="156">
          <cell r="DT156" t="str">
            <v/>
          </cell>
          <cell r="DU156" t="str">
            <v/>
          </cell>
        </row>
        <row r="157">
          <cell r="DT157" t="str">
            <v/>
          </cell>
          <cell r="DU157" t="str">
            <v/>
          </cell>
        </row>
        <row r="158">
          <cell r="DT158" t="str">
            <v/>
          </cell>
          <cell r="DU158" t="str">
            <v/>
          </cell>
        </row>
        <row r="159">
          <cell r="DT159" t="str">
            <v/>
          </cell>
          <cell r="DU159" t="str">
            <v/>
          </cell>
        </row>
        <row r="160">
          <cell r="DT160" t="str">
            <v/>
          </cell>
          <cell r="DU160" t="str">
            <v/>
          </cell>
        </row>
        <row r="161">
          <cell r="DT161" t="str">
            <v/>
          </cell>
          <cell r="DU161" t="str">
            <v/>
          </cell>
        </row>
        <row r="162">
          <cell r="DT162" t="str">
            <v/>
          </cell>
          <cell r="DU162" t="str">
            <v/>
          </cell>
        </row>
        <row r="163">
          <cell r="DT163" t="str">
            <v/>
          </cell>
          <cell r="DU163" t="str">
            <v/>
          </cell>
        </row>
        <row r="164">
          <cell r="DT164" t="str">
            <v/>
          </cell>
          <cell r="DU164" t="str">
            <v/>
          </cell>
        </row>
        <row r="165">
          <cell r="DT165" t="str">
            <v/>
          </cell>
          <cell r="DU165" t="str">
            <v/>
          </cell>
        </row>
        <row r="166">
          <cell r="DT166" t="str">
            <v/>
          </cell>
          <cell r="DU166" t="str">
            <v/>
          </cell>
        </row>
        <row r="167">
          <cell r="DT167" t="str">
            <v/>
          </cell>
          <cell r="DU167" t="str">
            <v/>
          </cell>
        </row>
        <row r="168">
          <cell r="DT168" t="str">
            <v/>
          </cell>
          <cell r="DU168" t="str">
            <v/>
          </cell>
        </row>
        <row r="169">
          <cell r="DT169" t="str">
            <v/>
          </cell>
          <cell r="DU169" t="str">
            <v/>
          </cell>
        </row>
        <row r="170">
          <cell r="DT170" t="str">
            <v/>
          </cell>
          <cell r="DU170" t="str">
            <v/>
          </cell>
        </row>
        <row r="171">
          <cell r="DT171" t="str">
            <v/>
          </cell>
          <cell r="DU171" t="str">
            <v/>
          </cell>
        </row>
        <row r="172">
          <cell r="DT172" t="str">
            <v/>
          </cell>
          <cell r="DU172" t="str">
            <v/>
          </cell>
        </row>
        <row r="173">
          <cell r="DT173" t="str">
            <v/>
          </cell>
          <cell r="DU173" t="str">
            <v/>
          </cell>
        </row>
        <row r="174">
          <cell r="DT174" t="str">
            <v/>
          </cell>
          <cell r="DU174" t="str">
            <v/>
          </cell>
        </row>
        <row r="175">
          <cell r="DT175" t="str">
            <v/>
          </cell>
          <cell r="DU175" t="str">
            <v/>
          </cell>
        </row>
        <row r="176">
          <cell r="DT176" t="str">
            <v/>
          </cell>
          <cell r="DU176" t="str">
            <v/>
          </cell>
        </row>
        <row r="177">
          <cell r="DT177" t="str">
            <v/>
          </cell>
          <cell r="DU177" t="str">
            <v/>
          </cell>
        </row>
        <row r="178">
          <cell r="DT178" t="str">
            <v/>
          </cell>
          <cell r="DU178" t="str">
            <v/>
          </cell>
        </row>
        <row r="179">
          <cell r="DT179" t="str">
            <v/>
          </cell>
          <cell r="DU179" t="str">
            <v/>
          </cell>
        </row>
        <row r="180">
          <cell r="DT180" t="str">
            <v/>
          </cell>
          <cell r="DU180" t="str">
            <v/>
          </cell>
        </row>
        <row r="181">
          <cell r="DT181" t="str">
            <v/>
          </cell>
          <cell r="DU181" t="str">
            <v/>
          </cell>
        </row>
        <row r="182">
          <cell r="DT182" t="str">
            <v/>
          </cell>
          <cell r="DU182" t="str">
            <v/>
          </cell>
        </row>
        <row r="183">
          <cell r="DT183" t="str">
            <v/>
          </cell>
          <cell r="DU183" t="str">
            <v/>
          </cell>
        </row>
        <row r="184">
          <cell r="DT184" t="str">
            <v/>
          </cell>
          <cell r="DU184" t="str">
            <v/>
          </cell>
        </row>
        <row r="185">
          <cell r="DT185" t="str">
            <v/>
          </cell>
          <cell r="DU185" t="str">
            <v/>
          </cell>
        </row>
        <row r="186">
          <cell r="DT186" t="str">
            <v/>
          </cell>
          <cell r="DU186" t="str">
            <v/>
          </cell>
        </row>
        <row r="187">
          <cell r="DT187" t="str">
            <v/>
          </cell>
          <cell r="DU187" t="str">
            <v/>
          </cell>
        </row>
        <row r="188">
          <cell r="DT188" t="str">
            <v/>
          </cell>
          <cell r="DU188" t="str">
            <v/>
          </cell>
        </row>
        <row r="189">
          <cell r="DT189" t="str">
            <v/>
          </cell>
          <cell r="DU189" t="str">
            <v/>
          </cell>
        </row>
        <row r="190">
          <cell r="DT190" t="str">
            <v/>
          </cell>
          <cell r="DU190" t="str">
            <v/>
          </cell>
        </row>
        <row r="191">
          <cell r="DT191" t="str">
            <v/>
          </cell>
          <cell r="DU191" t="str">
            <v/>
          </cell>
        </row>
        <row r="192">
          <cell r="DT192" t="str">
            <v/>
          </cell>
          <cell r="DU192" t="str">
            <v/>
          </cell>
        </row>
        <row r="193">
          <cell r="DT193" t="str">
            <v/>
          </cell>
          <cell r="DU193" t="str">
            <v/>
          </cell>
        </row>
        <row r="194">
          <cell r="DT194" t="str">
            <v/>
          </cell>
          <cell r="DU194" t="str">
            <v/>
          </cell>
        </row>
        <row r="195">
          <cell r="DT195" t="str">
            <v/>
          </cell>
          <cell r="DU195" t="str">
            <v/>
          </cell>
        </row>
        <row r="196">
          <cell r="DT196" t="str">
            <v/>
          </cell>
          <cell r="DU196" t="str">
            <v/>
          </cell>
        </row>
        <row r="197">
          <cell r="DT197" t="str">
            <v/>
          </cell>
          <cell r="DU197" t="str">
            <v/>
          </cell>
        </row>
        <row r="198">
          <cell r="DT198" t="str">
            <v/>
          </cell>
          <cell r="DU198" t="str">
            <v/>
          </cell>
        </row>
        <row r="199">
          <cell r="DT199" t="str">
            <v/>
          </cell>
          <cell r="DU199" t="str">
            <v/>
          </cell>
        </row>
        <row r="200">
          <cell r="DT200" t="str">
            <v/>
          </cell>
          <cell r="DU200" t="str">
            <v/>
          </cell>
        </row>
        <row r="201">
          <cell r="DT201" t="str">
            <v/>
          </cell>
          <cell r="DU201" t="str">
            <v/>
          </cell>
        </row>
        <row r="202">
          <cell r="DT202" t="str">
            <v/>
          </cell>
          <cell r="DU202" t="str">
            <v/>
          </cell>
        </row>
        <row r="203">
          <cell r="DT203" t="str">
            <v/>
          </cell>
          <cell r="DU203" t="str">
            <v/>
          </cell>
        </row>
        <row r="204">
          <cell r="DT204" t="str">
            <v/>
          </cell>
          <cell r="DU204" t="str">
            <v/>
          </cell>
        </row>
        <row r="205">
          <cell r="DT205" t="str">
            <v/>
          </cell>
          <cell r="DU205" t="str">
            <v/>
          </cell>
        </row>
        <row r="206">
          <cell r="DT206" t="str">
            <v/>
          </cell>
          <cell r="DU206" t="str">
            <v/>
          </cell>
        </row>
        <row r="207">
          <cell r="DT207" t="str">
            <v/>
          </cell>
          <cell r="DU207" t="str">
            <v/>
          </cell>
        </row>
        <row r="208">
          <cell r="DT208" t="str">
            <v/>
          </cell>
          <cell r="DU208" t="str">
            <v/>
          </cell>
        </row>
        <row r="209">
          <cell r="DT209" t="str">
            <v/>
          </cell>
          <cell r="DU209" t="str">
            <v/>
          </cell>
        </row>
        <row r="210">
          <cell r="DT210" t="str">
            <v/>
          </cell>
          <cell r="DU210" t="str">
            <v/>
          </cell>
        </row>
        <row r="211">
          <cell r="DT211" t="str">
            <v/>
          </cell>
          <cell r="DU211" t="str">
            <v/>
          </cell>
        </row>
        <row r="212">
          <cell r="DT212" t="str">
            <v/>
          </cell>
          <cell r="DU212" t="str">
            <v/>
          </cell>
        </row>
        <row r="213">
          <cell r="DT213" t="str">
            <v/>
          </cell>
          <cell r="DU213" t="str">
            <v/>
          </cell>
        </row>
        <row r="214">
          <cell r="DT214" t="str">
            <v/>
          </cell>
          <cell r="DU214" t="str">
            <v/>
          </cell>
        </row>
        <row r="215">
          <cell r="DT215" t="str">
            <v/>
          </cell>
          <cell r="DU215" t="str">
            <v/>
          </cell>
        </row>
        <row r="216">
          <cell r="DT216" t="str">
            <v/>
          </cell>
          <cell r="DU216" t="str">
            <v/>
          </cell>
        </row>
        <row r="217">
          <cell r="DT217" t="str">
            <v/>
          </cell>
          <cell r="DU217" t="str">
            <v/>
          </cell>
        </row>
        <row r="218">
          <cell r="DT218" t="str">
            <v/>
          </cell>
          <cell r="DU218" t="str">
            <v/>
          </cell>
        </row>
        <row r="219">
          <cell r="DT219" t="str">
            <v/>
          </cell>
          <cell r="DU219" t="str">
            <v/>
          </cell>
        </row>
        <row r="220">
          <cell r="DT220" t="str">
            <v/>
          </cell>
          <cell r="DU220" t="str">
            <v/>
          </cell>
        </row>
        <row r="221">
          <cell r="DT221" t="str">
            <v/>
          </cell>
          <cell r="DU221" t="str">
            <v/>
          </cell>
        </row>
        <row r="222">
          <cell r="DT222" t="str">
            <v/>
          </cell>
          <cell r="DU222" t="str">
            <v/>
          </cell>
        </row>
        <row r="223">
          <cell r="DT223" t="str">
            <v/>
          </cell>
          <cell r="DU223" t="str">
            <v/>
          </cell>
        </row>
        <row r="224">
          <cell r="DT224" t="str">
            <v/>
          </cell>
          <cell r="DU224" t="str">
            <v/>
          </cell>
        </row>
        <row r="225">
          <cell r="DT225" t="str">
            <v/>
          </cell>
          <cell r="DU225" t="str">
            <v/>
          </cell>
        </row>
        <row r="226">
          <cell r="DT226" t="str">
            <v/>
          </cell>
          <cell r="DU226" t="str">
            <v/>
          </cell>
        </row>
        <row r="227">
          <cell r="DT227" t="str">
            <v/>
          </cell>
          <cell r="DU227" t="str">
            <v/>
          </cell>
        </row>
        <row r="228">
          <cell r="DT228" t="str">
            <v/>
          </cell>
          <cell r="DU228" t="str">
            <v/>
          </cell>
        </row>
        <row r="229">
          <cell r="DT229" t="str">
            <v/>
          </cell>
          <cell r="DU229" t="str">
            <v/>
          </cell>
        </row>
        <row r="230">
          <cell r="DT230" t="str">
            <v/>
          </cell>
          <cell r="DU230" t="str">
            <v/>
          </cell>
        </row>
        <row r="231">
          <cell r="DT231" t="str">
            <v/>
          </cell>
          <cell r="DU231" t="str">
            <v/>
          </cell>
        </row>
        <row r="232">
          <cell r="DT232" t="str">
            <v/>
          </cell>
          <cell r="DU232" t="str">
            <v/>
          </cell>
        </row>
        <row r="233">
          <cell r="DT233" t="str">
            <v/>
          </cell>
          <cell r="DU233" t="str">
            <v/>
          </cell>
        </row>
        <row r="234">
          <cell r="DT234" t="str">
            <v/>
          </cell>
          <cell r="DU234" t="str">
            <v/>
          </cell>
        </row>
        <row r="235">
          <cell r="DT235" t="str">
            <v/>
          </cell>
          <cell r="DU235" t="str">
            <v/>
          </cell>
        </row>
        <row r="236">
          <cell r="DT236" t="str">
            <v/>
          </cell>
          <cell r="DU236" t="str">
            <v/>
          </cell>
        </row>
        <row r="237">
          <cell r="DT237" t="str">
            <v/>
          </cell>
          <cell r="DU237" t="str">
            <v/>
          </cell>
        </row>
        <row r="238">
          <cell r="DT238" t="str">
            <v/>
          </cell>
          <cell r="DU238" t="str">
            <v/>
          </cell>
        </row>
        <row r="239">
          <cell r="DT239" t="str">
            <v/>
          </cell>
          <cell r="DU239" t="str">
            <v/>
          </cell>
        </row>
        <row r="240">
          <cell r="DT240" t="str">
            <v/>
          </cell>
          <cell r="DU240" t="str">
            <v/>
          </cell>
        </row>
        <row r="241">
          <cell r="DT241" t="str">
            <v/>
          </cell>
          <cell r="DU241" t="str">
            <v/>
          </cell>
        </row>
        <row r="242">
          <cell r="DT242" t="str">
            <v/>
          </cell>
          <cell r="DU242" t="str">
            <v/>
          </cell>
        </row>
        <row r="243">
          <cell r="DT243" t="str">
            <v/>
          </cell>
          <cell r="DU243" t="str">
            <v/>
          </cell>
        </row>
        <row r="244">
          <cell r="DT244" t="str">
            <v/>
          </cell>
          <cell r="DU244" t="str">
            <v/>
          </cell>
        </row>
        <row r="245">
          <cell r="DT245" t="str">
            <v/>
          </cell>
          <cell r="DU245" t="str">
            <v/>
          </cell>
        </row>
        <row r="246">
          <cell r="DT246" t="str">
            <v/>
          </cell>
          <cell r="DU246" t="str">
            <v/>
          </cell>
        </row>
        <row r="247">
          <cell r="DT247" t="str">
            <v/>
          </cell>
          <cell r="DU247" t="str">
            <v/>
          </cell>
        </row>
        <row r="248">
          <cell r="DT248" t="str">
            <v/>
          </cell>
          <cell r="DU248" t="str">
            <v/>
          </cell>
        </row>
        <row r="249">
          <cell r="DT249" t="str">
            <v/>
          </cell>
          <cell r="DU249" t="str">
            <v/>
          </cell>
        </row>
        <row r="250">
          <cell r="DT250" t="str">
            <v/>
          </cell>
          <cell r="DU250" t="str">
            <v/>
          </cell>
        </row>
        <row r="251">
          <cell r="DT251" t="str">
            <v/>
          </cell>
          <cell r="DU251" t="str">
            <v/>
          </cell>
        </row>
        <row r="252">
          <cell r="DT252" t="str">
            <v/>
          </cell>
          <cell r="DU252" t="str">
            <v/>
          </cell>
        </row>
        <row r="253">
          <cell r="DT253" t="str">
            <v/>
          </cell>
          <cell r="DU253" t="str">
            <v/>
          </cell>
        </row>
        <row r="254">
          <cell r="DT254" t="str">
            <v/>
          </cell>
          <cell r="DU254" t="str">
            <v/>
          </cell>
        </row>
        <row r="255">
          <cell r="DT255" t="str">
            <v/>
          </cell>
          <cell r="DU255" t="str">
            <v/>
          </cell>
        </row>
        <row r="256">
          <cell r="DT256" t="str">
            <v/>
          </cell>
          <cell r="DU256" t="str">
            <v/>
          </cell>
        </row>
        <row r="257">
          <cell r="DT257" t="str">
            <v/>
          </cell>
          <cell r="DU257" t="str">
            <v/>
          </cell>
        </row>
        <row r="258">
          <cell r="DT258" t="str">
            <v/>
          </cell>
          <cell r="DU258" t="str">
            <v/>
          </cell>
        </row>
        <row r="259">
          <cell r="DT259" t="str">
            <v/>
          </cell>
          <cell r="DU259" t="str">
            <v/>
          </cell>
        </row>
        <row r="260">
          <cell r="DT260" t="str">
            <v/>
          </cell>
          <cell r="DU260" t="str">
            <v/>
          </cell>
        </row>
        <row r="261">
          <cell r="DT261" t="str">
            <v/>
          </cell>
          <cell r="DU261" t="str">
            <v/>
          </cell>
        </row>
        <row r="262">
          <cell r="DT262" t="str">
            <v/>
          </cell>
          <cell r="DU262" t="str">
            <v/>
          </cell>
        </row>
        <row r="263">
          <cell r="DT263" t="str">
            <v/>
          </cell>
          <cell r="DU263" t="str">
            <v/>
          </cell>
        </row>
        <row r="264">
          <cell r="DT264" t="str">
            <v/>
          </cell>
          <cell r="DU264" t="str">
            <v/>
          </cell>
        </row>
        <row r="265">
          <cell r="DT265" t="str">
            <v/>
          </cell>
          <cell r="DU265" t="str">
            <v/>
          </cell>
        </row>
        <row r="266">
          <cell r="DT266" t="str">
            <v/>
          </cell>
          <cell r="DU266" t="str">
            <v/>
          </cell>
        </row>
        <row r="267">
          <cell r="DT267" t="str">
            <v/>
          </cell>
          <cell r="DU267" t="str">
            <v/>
          </cell>
        </row>
        <row r="268">
          <cell r="DT268" t="str">
            <v/>
          </cell>
          <cell r="DU268" t="str">
            <v/>
          </cell>
        </row>
        <row r="269">
          <cell r="DT269" t="str">
            <v/>
          </cell>
          <cell r="DU269" t="str">
            <v/>
          </cell>
        </row>
        <row r="270">
          <cell r="DT270" t="str">
            <v/>
          </cell>
          <cell r="DU270" t="str">
            <v/>
          </cell>
        </row>
        <row r="271">
          <cell r="DT271" t="str">
            <v/>
          </cell>
          <cell r="DU271" t="str">
            <v/>
          </cell>
        </row>
        <row r="272">
          <cell r="DT272" t="str">
            <v/>
          </cell>
          <cell r="DU272" t="str">
            <v/>
          </cell>
        </row>
        <row r="273">
          <cell r="DT273" t="str">
            <v/>
          </cell>
          <cell r="DU273" t="str">
            <v/>
          </cell>
        </row>
        <row r="274">
          <cell r="DT274" t="str">
            <v/>
          </cell>
          <cell r="DU274" t="str">
            <v/>
          </cell>
        </row>
        <row r="275">
          <cell r="DT275" t="str">
            <v/>
          </cell>
          <cell r="DU275" t="str">
            <v/>
          </cell>
        </row>
        <row r="276">
          <cell r="DT276" t="str">
            <v/>
          </cell>
          <cell r="DU276" t="str">
            <v/>
          </cell>
        </row>
        <row r="277">
          <cell r="DT277" t="str">
            <v/>
          </cell>
          <cell r="DU277" t="str">
            <v/>
          </cell>
        </row>
        <row r="278">
          <cell r="DT278" t="str">
            <v/>
          </cell>
          <cell r="DU278" t="str">
            <v/>
          </cell>
        </row>
        <row r="279">
          <cell r="DT279" t="str">
            <v/>
          </cell>
          <cell r="DU279" t="str">
            <v/>
          </cell>
        </row>
        <row r="280">
          <cell r="DT280" t="str">
            <v/>
          </cell>
          <cell r="DU280" t="str">
            <v/>
          </cell>
        </row>
        <row r="281">
          <cell r="DT281" t="str">
            <v/>
          </cell>
          <cell r="DU281" t="str">
            <v/>
          </cell>
        </row>
        <row r="282">
          <cell r="DT282" t="str">
            <v/>
          </cell>
          <cell r="DU282" t="str">
            <v/>
          </cell>
        </row>
        <row r="283">
          <cell r="DT283" t="str">
            <v/>
          </cell>
          <cell r="DU283" t="str">
            <v/>
          </cell>
        </row>
        <row r="284">
          <cell r="DT284" t="str">
            <v/>
          </cell>
          <cell r="DU284" t="str">
            <v/>
          </cell>
        </row>
        <row r="285">
          <cell r="DT285" t="str">
            <v/>
          </cell>
          <cell r="DU285" t="str">
            <v/>
          </cell>
        </row>
        <row r="286">
          <cell r="DT286" t="str">
            <v/>
          </cell>
          <cell r="DU286" t="str">
            <v/>
          </cell>
        </row>
        <row r="287">
          <cell r="DT287" t="str">
            <v/>
          </cell>
          <cell r="DU287" t="str">
            <v/>
          </cell>
        </row>
        <row r="288">
          <cell r="DT288" t="str">
            <v/>
          </cell>
          <cell r="DU288" t="str">
            <v/>
          </cell>
        </row>
        <row r="289">
          <cell r="DT289" t="str">
            <v/>
          </cell>
          <cell r="DU289" t="str">
            <v/>
          </cell>
        </row>
        <row r="290">
          <cell r="DT290" t="str">
            <v/>
          </cell>
          <cell r="DU290" t="str">
            <v/>
          </cell>
        </row>
        <row r="291">
          <cell r="DT291" t="str">
            <v/>
          </cell>
          <cell r="DU291" t="str">
            <v/>
          </cell>
        </row>
        <row r="292">
          <cell r="DT292" t="str">
            <v/>
          </cell>
          <cell r="DU292" t="str">
            <v/>
          </cell>
        </row>
        <row r="293">
          <cell r="DT293" t="str">
            <v/>
          </cell>
          <cell r="DU293" t="str">
            <v/>
          </cell>
        </row>
        <row r="294">
          <cell r="DT294" t="str">
            <v/>
          </cell>
          <cell r="DU294" t="str">
            <v/>
          </cell>
        </row>
        <row r="295">
          <cell r="DT295" t="str">
            <v/>
          </cell>
          <cell r="DU295" t="str">
            <v/>
          </cell>
        </row>
        <row r="296">
          <cell r="DT296" t="str">
            <v/>
          </cell>
          <cell r="DU296" t="str">
            <v/>
          </cell>
        </row>
        <row r="297">
          <cell r="DT297" t="str">
            <v/>
          </cell>
          <cell r="DU297" t="str">
            <v/>
          </cell>
        </row>
        <row r="298">
          <cell r="DT298" t="str">
            <v/>
          </cell>
          <cell r="DU298" t="str">
            <v/>
          </cell>
        </row>
        <row r="299">
          <cell r="DT299" t="str">
            <v/>
          </cell>
          <cell r="DU299" t="str">
            <v/>
          </cell>
        </row>
        <row r="300">
          <cell r="DT300" t="str">
            <v/>
          </cell>
          <cell r="DU300" t="str">
            <v/>
          </cell>
        </row>
        <row r="301">
          <cell r="DT301" t="str">
            <v/>
          </cell>
          <cell r="DU301" t="str">
            <v/>
          </cell>
        </row>
        <row r="302">
          <cell r="DT302" t="str">
            <v/>
          </cell>
          <cell r="DU302" t="str">
            <v/>
          </cell>
        </row>
        <row r="303">
          <cell r="DT303" t="str">
            <v/>
          </cell>
          <cell r="DU303" t="str">
            <v/>
          </cell>
        </row>
        <row r="304">
          <cell r="DT304" t="str">
            <v/>
          </cell>
          <cell r="DU304" t="str">
            <v/>
          </cell>
        </row>
        <row r="305">
          <cell r="DT305" t="str">
            <v/>
          </cell>
          <cell r="DU305" t="str">
            <v/>
          </cell>
        </row>
        <row r="306">
          <cell r="DT306" t="str">
            <v/>
          </cell>
          <cell r="DU306" t="str">
            <v/>
          </cell>
        </row>
        <row r="307">
          <cell r="DT307" t="str">
            <v/>
          </cell>
          <cell r="DU307" t="str">
            <v/>
          </cell>
        </row>
        <row r="308">
          <cell r="DT308" t="str">
            <v/>
          </cell>
          <cell r="DU308" t="str">
            <v/>
          </cell>
        </row>
        <row r="309">
          <cell r="DT309" t="str">
            <v/>
          </cell>
          <cell r="DU309" t="str">
            <v/>
          </cell>
        </row>
        <row r="310">
          <cell r="DT310" t="str">
            <v/>
          </cell>
          <cell r="DU310" t="str">
            <v/>
          </cell>
        </row>
        <row r="311">
          <cell r="DT311" t="str">
            <v/>
          </cell>
          <cell r="DU311" t="str">
            <v/>
          </cell>
        </row>
        <row r="312">
          <cell r="DT312" t="str">
            <v/>
          </cell>
          <cell r="DU312" t="str">
            <v/>
          </cell>
        </row>
        <row r="313">
          <cell r="DT313" t="str">
            <v/>
          </cell>
          <cell r="DU313" t="str">
            <v/>
          </cell>
        </row>
        <row r="314">
          <cell r="DT314" t="str">
            <v/>
          </cell>
          <cell r="DU314" t="str">
            <v/>
          </cell>
        </row>
        <row r="315">
          <cell r="DT315" t="str">
            <v/>
          </cell>
          <cell r="DU315" t="str">
            <v/>
          </cell>
        </row>
        <row r="316">
          <cell r="DT316" t="str">
            <v/>
          </cell>
          <cell r="DU316" t="str">
            <v/>
          </cell>
        </row>
        <row r="317">
          <cell r="DT317" t="str">
            <v/>
          </cell>
          <cell r="DU317" t="str">
            <v/>
          </cell>
        </row>
        <row r="318">
          <cell r="DT318" t="str">
            <v/>
          </cell>
          <cell r="DU318" t="str">
            <v/>
          </cell>
        </row>
        <row r="319">
          <cell r="DT319" t="str">
            <v/>
          </cell>
          <cell r="DU319" t="str">
            <v/>
          </cell>
        </row>
        <row r="320">
          <cell r="DT320" t="str">
            <v/>
          </cell>
          <cell r="DU320" t="str">
            <v/>
          </cell>
        </row>
        <row r="321">
          <cell r="DT321" t="str">
            <v/>
          </cell>
          <cell r="DU321" t="str">
            <v/>
          </cell>
        </row>
        <row r="322">
          <cell r="DT322" t="str">
            <v/>
          </cell>
          <cell r="DU322" t="str">
            <v/>
          </cell>
        </row>
        <row r="323">
          <cell r="DT323" t="str">
            <v/>
          </cell>
          <cell r="DU323" t="str">
            <v/>
          </cell>
        </row>
        <row r="324">
          <cell r="DT324" t="str">
            <v/>
          </cell>
          <cell r="DU324" t="str">
            <v/>
          </cell>
        </row>
        <row r="325">
          <cell r="DT325" t="str">
            <v/>
          </cell>
          <cell r="DU325" t="str">
            <v/>
          </cell>
        </row>
        <row r="326">
          <cell r="DT326" t="str">
            <v/>
          </cell>
          <cell r="DU326" t="str">
            <v/>
          </cell>
        </row>
        <row r="327">
          <cell r="DT327" t="str">
            <v/>
          </cell>
          <cell r="DU327" t="str">
            <v/>
          </cell>
        </row>
        <row r="328">
          <cell r="DT328" t="str">
            <v/>
          </cell>
          <cell r="DU328" t="str">
            <v/>
          </cell>
        </row>
        <row r="329">
          <cell r="DT329" t="str">
            <v/>
          </cell>
          <cell r="DU329" t="str">
            <v/>
          </cell>
        </row>
        <row r="330">
          <cell r="DT330" t="str">
            <v/>
          </cell>
          <cell r="DU330" t="str">
            <v/>
          </cell>
        </row>
        <row r="331">
          <cell r="DT331" t="str">
            <v/>
          </cell>
          <cell r="DU331" t="str">
            <v/>
          </cell>
        </row>
        <row r="332">
          <cell r="DT332" t="str">
            <v/>
          </cell>
          <cell r="DU332" t="str">
            <v/>
          </cell>
        </row>
        <row r="333">
          <cell r="DT333" t="str">
            <v/>
          </cell>
          <cell r="DU333" t="str">
            <v/>
          </cell>
        </row>
        <row r="334">
          <cell r="DT334" t="str">
            <v/>
          </cell>
          <cell r="DU334" t="str">
            <v/>
          </cell>
        </row>
        <row r="335">
          <cell r="DT335" t="str">
            <v/>
          </cell>
          <cell r="DU335" t="str">
            <v/>
          </cell>
        </row>
        <row r="336">
          <cell r="DT336" t="str">
            <v/>
          </cell>
          <cell r="DU336" t="str">
            <v/>
          </cell>
        </row>
        <row r="337">
          <cell r="DT337" t="str">
            <v/>
          </cell>
          <cell r="DU337" t="str">
            <v/>
          </cell>
        </row>
        <row r="338">
          <cell r="DT338" t="str">
            <v/>
          </cell>
          <cell r="DU338" t="str">
            <v/>
          </cell>
        </row>
        <row r="339">
          <cell r="DT339" t="str">
            <v/>
          </cell>
          <cell r="DU339" t="str">
            <v/>
          </cell>
        </row>
        <row r="340">
          <cell r="DT340" t="str">
            <v/>
          </cell>
          <cell r="DU340" t="str">
            <v/>
          </cell>
        </row>
        <row r="341">
          <cell r="DT341" t="str">
            <v/>
          </cell>
          <cell r="DU341" t="str">
            <v/>
          </cell>
        </row>
        <row r="342">
          <cell r="DT342" t="str">
            <v/>
          </cell>
          <cell r="DU342" t="str">
            <v/>
          </cell>
        </row>
        <row r="343">
          <cell r="DT343" t="str">
            <v/>
          </cell>
          <cell r="DU343" t="str">
            <v/>
          </cell>
        </row>
        <row r="344">
          <cell r="DT344" t="str">
            <v/>
          </cell>
          <cell r="DU344" t="str">
            <v/>
          </cell>
        </row>
        <row r="345">
          <cell r="DT345" t="str">
            <v/>
          </cell>
          <cell r="DU345" t="str">
            <v/>
          </cell>
        </row>
        <row r="346">
          <cell r="DT346" t="str">
            <v/>
          </cell>
          <cell r="DU346" t="str">
            <v/>
          </cell>
        </row>
        <row r="347">
          <cell r="DT347" t="str">
            <v/>
          </cell>
          <cell r="DU347" t="str">
            <v/>
          </cell>
        </row>
        <row r="348">
          <cell r="DT348" t="str">
            <v/>
          </cell>
          <cell r="DU348" t="str">
            <v/>
          </cell>
        </row>
        <row r="349">
          <cell r="DT349" t="str">
            <v/>
          </cell>
          <cell r="DU349" t="str">
            <v/>
          </cell>
        </row>
        <row r="350">
          <cell r="DT350" t="str">
            <v/>
          </cell>
          <cell r="DU350" t="str">
            <v/>
          </cell>
        </row>
        <row r="351">
          <cell r="DT351" t="str">
            <v/>
          </cell>
          <cell r="DU351" t="str">
            <v/>
          </cell>
        </row>
        <row r="352">
          <cell r="DT352" t="str">
            <v/>
          </cell>
          <cell r="DU352" t="str">
            <v/>
          </cell>
        </row>
        <row r="353">
          <cell r="DT353" t="str">
            <v/>
          </cell>
          <cell r="DU353" t="str">
            <v/>
          </cell>
        </row>
        <row r="354">
          <cell r="DT354" t="str">
            <v/>
          </cell>
          <cell r="DU354" t="str">
            <v/>
          </cell>
        </row>
        <row r="355">
          <cell r="DT355" t="str">
            <v/>
          </cell>
          <cell r="DU355" t="str">
            <v/>
          </cell>
        </row>
        <row r="356">
          <cell r="DT356" t="str">
            <v/>
          </cell>
          <cell r="DU356" t="str">
            <v/>
          </cell>
        </row>
        <row r="357">
          <cell r="DT357" t="str">
            <v/>
          </cell>
          <cell r="DU357" t="str">
            <v/>
          </cell>
        </row>
        <row r="358">
          <cell r="DT358" t="str">
            <v/>
          </cell>
          <cell r="DU358" t="str">
            <v/>
          </cell>
        </row>
        <row r="359">
          <cell r="DT359" t="str">
            <v/>
          </cell>
          <cell r="DU359" t="str">
            <v/>
          </cell>
        </row>
        <row r="360">
          <cell r="DT360" t="str">
            <v/>
          </cell>
          <cell r="DU360" t="str">
            <v/>
          </cell>
        </row>
        <row r="361">
          <cell r="DT361" t="str">
            <v/>
          </cell>
          <cell r="DU361" t="str">
            <v/>
          </cell>
        </row>
        <row r="362">
          <cell r="DT362" t="str">
            <v/>
          </cell>
          <cell r="DU362" t="str">
            <v/>
          </cell>
        </row>
        <row r="363">
          <cell r="DT363" t="str">
            <v/>
          </cell>
          <cell r="DU363" t="str">
            <v/>
          </cell>
        </row>
        <row r="364">
          <cell r="DT364" t="str">
            <v/>
          </cell>
          <cell r="DU364" t="str">
            <v/>
          </cell>
        </row>
        <row r="365">
          <cell r="DT365" t="str">
            <v/>
          </cell>
          <cell r="DU365" t="str">
            <v/>
          </cell>
        </row>
        <row r="366">
          <cell r="DT366" t="str">
            <v/>
          </cell>
          <cell r="DU366" t="str">
            <v/>
          </cell>
        </row>
        <row r="367">
          <cell r="DT367" t="str">
            <v/>
          </cell>
          <cell r="DU367" t="str">
            <v/>
          </cell>
        </row>
        <row r="368">
          <cell r="DT368" t="str">
            <v/>
          </cell>
          <cell r="DU368" t="str">
            <v/>
          </cell>
        </row>
        <row r="369">
          <cell r="DT369" t="str">
            <v/>
          </cell>
          <cell r="DU369" t="str">
            <v/>
          </cell>
        </row>
        <row r="370">
          <cell r="DT370" t="str">
            <v/>
          </cell>
          <cell r="DU370" t="str">
            <v/>
          </cell>
        </row>
        <row r="371">
          <cell r="DT371" t="str">
            <v/>
          </cell>
          <cell r="DU371" t="str">
            <v/>
          </cell>
        </row>
        <row r="372">
          <cell r="DT372" t="str">
            <v/>
          </cell>
          <cell r="DU372" t="str">
            <v/>
          </cell>
        </row>
        <row r="373">
          <cell r="DT373" t="str">
            <v/>
          </cell>
          <cell r="DU373" t="str">
            <v/>
          </cell>
        </row>
        <row r="374">
          <cell r="DT374" t="str">
            <v/>
          </cell>
          <cell r="DU374" t="str">
            <v/>
          </cell>
        </row>
        <row r="375">
          <cell r="DT375" t="str">
            <v/>
          </cell>
          <cell r="DU375" t="str">
            <v/>
          </cell>
        </row>
        <row r="376">
          <cell r="DT376" t="str">
            <v/>
          </cell>
          <cell r="DU376" t="str">
            <v/>
          </cell>
        </row>
        <row r="377">
          <cell r="DT377" t="str">
            <v/>
          </cell>
          <cell r="DU377" t="str">
            <v/>
          </cell>
        </row>
        <row r="378">
          <cell r="DT378" t="str">
            <v/>
          </cell>
          <cell r="DU378" t="str">
            <v/>
          </cell>
        </row>
        <row r="379">
          <cell r="DT379" t="str">
            <v/>
          </cell>
          <cell r="DU379" t="str">
            <v/>
          </cell>
        </row>
        <row r="380">
          <cell r="DT380" t="str">
            <v/>
          </cell>
          <cell r="DU380" t="str">
            <v/>
          </cell>
        </row>
        <row r="381">
          <cell r="DT381" t="str">
            <v/>
          </cell>
          <cell r="DU381" t="str">
            <v/>
          </cell>
        </row>
        <row r="382">
          <cell r="DT382" t="str">
            <v/>
          </cell>
          <cell r="DU382" t="str">
            <v/>
          </cell>
        </row>
        <row r="383">
          <cell r="DT383" t="str">
            <v/>
          </cell>
          <cell r="DU383" t="str">
            <v/>
          </cell>
        </row>
        <row r="384">
          <cell r="DT384" t="str">
            <v/>
          </cell>
          <cell r="DU384" t="str">
            <v/>
          </cell>
        </row>
        <row r="385">
          <cell r="DT385" t="str">
            <v/>
          </cell>
          <cell r="DU385" t="str">
            <v/>
          </cell>
        </row>
        <row r="386">
          <cell r="DT386" t="str">
            <v/>
          </cell>
          <cell r="DU386" t="str">
            <v/>
          </cell>
        </row>
        <row r="387">
          <cell r="DT387" t="str">
            <v/>
          </cell>
          <cell r="DU387" t="str">
            <v/>
          </cell>
        </row>
        <row r="388">
          <cell r="DT388" t="str">
            <v/>
          </cell>
          <cell r="DU388" t="str">
            <v/>
          </cell>
        </row>
        <row r="389">
          <cell r="DT389" t="str">
            <v/>
          </cell>
          <cell r="DU389" t="str">
            <v/>
          </cell>
        </row>
        <row r="390">
          <cell r="DT390" t="str">
            <v/>
          </cell>
          <cell r="DU390" t="str">
            <v/>
          </cell>
        </row>
        <row r="391">
          <cell r="DT391" t="str">
            <v/>
          </cell>
          <cell r="DU391" t="str">
            <v/>
          </cell>
        </row>
        <row r="392">
          <cell r="DT392" t="str">
            <v/>
          </cell>
          <cell r="DU392" t="str">
            <v/>
          </cell>
        </row>
        <row r="393">
          <cell r="DT393" t="str">
            <v/>
          </cell>
          <cell r="DU393" t="str">
            <v/>
          </cell>
        </row>
        <row r="394">
          <cell r="DT394" t="str">
            <v/>
          </cell>
          <cell r="DU394" t="str">
            <v/>
          </cell>
        </row>
        <row r="395">
          <cell r="DT395" t="str">
            <v/>
          </cell>
          <cell r="DU395" t="str">
            <v/>
          </cell>
        </row>
        <row r="396">
          <cell r="DT396" t="str">
            <v/>
          </cell>
          <cell r="DU396" t="str">
            <v/>
          </cell>
        </row>
        <row r="397">
          <cell r="DT397" t="str">
            <v/>
          </cell>
          <cell r="DU397" t="str">
            <v/>
          </cell>
        </row>
        <row r="398">
          <cell r="DT398" t="str">
            <v/>
          </cell>
          <cell r="DU398" t="str">
            <v/>
          </cell>
        </row>
        <row r="399">
          <cell r="DT399" t="str">
            <v/>
          </cell>
          <cell r="DU399" t="str">
            <v/>
          </cell>
        </row>
        <row r="400">
          <cell r="DT400" t="str">
            <v/>
          </cell>
          <cell r="DU400" t="str">
            <v/>
          </cell>
        </row>
        <row r="401">
          <cell r="DT401" t="str">
            <v/>
          </cell>
          <cell r="DU401" t="str">
            <v/>
          </cell>
        </row>
        <row r="402">
          <cell r="DT402" t="str">
            <v/>
          </cell>
          <cell r="DU402" t="str">
            <v/>
          </cell>
        </row>
        <row r="403">
          <cell r="DT403" t="str">
            <v/>
          </cell>
          <cell r="DU403" t="str">
            <v/>
          </cell>
        </row>
        <row r="404">
          <cell r="DT404" t="str">
            <v/>
          </cell>
          <cell r="DU404" t="str">
            <v/>
          </cell>
        </row>
        <row r="405">
          <cell r="DT405" t="str">
            <v/>
          </cell>
          <cell r="DU405" t="str">
            <v/>
          </cell>
        </row>
        <row r="406">
          <cell r="DT406" t="str">
            <v/>
          </cell>
          <cell r="DU406" t="str">
            <v/>
          </cell>
        </row>
        <row r="407">
          <cell r="DT407" t="str">
            <v/>
          </cell>
          <cell r="DU407" t="str">
            <v/>
          </cell>
        </row>
        <row r="408">
          <cell r="DT408" t="str">
            <v/>
          </cell>
          <cell r="DU408" t="str">
            <v/>
          </cell>
        </row>
        <row r="409">
          <cell r="DT409" t="str">
            <v/>
          </cell>
          <cell r="DU409" t="str">
            <v/>
          </cell>
        </row>
        <row r="410">
          <cell r="DT410" t="str">
            <v/>
          </cell>
          <cell r="DU410" t="str">
            <v/>
          </cell>
        </row>
        <row r="411">
          <cell r="DT411" t="str">
            <v/>
          </cell>
          <cell r="DU411" t="str">
            <v/>
          </cell>
        </row>
        <row r="412">
          <cell r="DT412" t="str">
            <v/>
          </cell>
          <cell r="DU412" t="str">
            <v/>
          </cell>
        </row>
        <row r="413">
          <cell r="DT413" t="str">
            <v/>
          </cell>
          <cell r="DU413" t="str">
            <v/>
          </cell>
        </row>
        <row r="414">
          <cell r="DT414" t="str">
            <v/>
          </cell>
          <cell r="DU414" t="str">
            <v/>
          </cell>
        </row>
        <row r="415">
          <cell r="DT415" t="str">
            <v/>
          </cell>
          <cell r="DU415" t="str">
            <v/>
          </cell>
        </row>
        <row r="416">
          <cell r="DT416" t="str">
            <v/>
          </cell>
          <cell r="DU416" t="str">
            <v/>
          </cell>
        </row>
        <row r="417">
          <cell r="DT417" t="str">
            <v/>
          </cell>
          <cell r="DU417" t="str">
            <v/>
          </cell>
        </row>
        <row r="418">
          <cell r="DT418" t="str">
            <v/>
          </cell>
          <cell r="DU418" t="str">
            <v/>
          </cell>
        </row>
        <row r="419">
          <cell r="DT419" t="str">
            <v/>
          </cell>
          <cell r="DU419" t="str">
            <v/>
          </cell>
        </row>
        <row r="420">
          <cell r="DT420" t="str">
            <v/>
          </cell>
          <cell r="DU420" t="str">
            <v/>
          </cell>
        </row>
        <row r="421">
          <cell r="DT421" t="str">
            <v/>
          </cell>
          <cell r="DU421" t="str">
            <v/>
          </cell>
        </row>
        <row r="422">
          <cell r="DT422" t="str">
            <v/>
          </cell>
          <cell r="DU422" t="str">
            <v/>
          </cell>
        </row>
        <row r="423">
          <cell r="DT423" t="str">
            <v/>
          </cell>
          <cell r="DU423" t="str">
            <v/>
          </cell>
        </row>
        <row r="424">
          <cell r="DT424" t="str">
            <v/>
          </cell>
          <cell r="DU424" t="str">
            <v/>
          </cell>
        </row>
        <row r="425">
          <cell r="DT425" t="str">
            <v/>
          </cell>
          <cell r="DU425" t="str">
            <v/>
          </cell>
        </row>
        <row r="426">
          <cell r="DT426" t="str">
            <v/>
          </cell>
          <cell r="DU426" t="str">
            <v/>
          </cell>
        </row>
        <row r="427">
          <cell r="DT427" t="str">
            <v/>
          </cell>
          <cell r="DU427" t="str">
            <v/>
          </cell>
        </row>
        <row r="428">
          <cell r="DT428" t="str">
            <v/>
          </cell>
          <cell r="DU428" t="str">
            <v/>
          </cell>
        </row>
        <row r="429">
          <cell r="DT429" t="str">
            <v/>
          </cell>
          <cell r="DU429" t="str">
            <v/>
          </cell>
        </row>
        <row r="430">
          <cell r="DT430" t="str">
            <v/>
          </cell>
          <cell r="DU430" t="str">
            <v/>
          </cell>
        </row>
        <row r="431">
          <cell r="DT431" t="str">
            <v/>
          </cell>
          <cell r="DU431" t="str">
            <v/>
          </cell>
        </row>
        <row r="432">
          <cell r="DT432" t="str">
            <v/>
          </cell>
          <cell r="DU432" t="str">
            <v/>
          </cell>
        </row>
        <row r="433">
          <cell r="DT433" t="str">
            <v/>
          </cell>
          <cell r="DU433" t="str">
            <v/>
          </cell>
        </row>
        <row r="434">
          <cell r="DT434" t="str">
            <v/>
          </cell>
          <cell r="DU434" t="str">
            <v/>
          </cell>
        </row>
        <row r="435">
          <cell r="DT435" t="str">
            <v/>
          </cell>
          <cell r="DU435" t="str">
            <v/>
          </cell>
        </row>
        <row r="436">
          <cell r="DT436" t="str">
            <v/>
          </cell>
          <cell r="DU436" t="str">
            <v/>
          </cell>
        </row>
        <row r="437">
          <cell r="DT437" t="str">
            <v/>
          </cell>
          <cell r="DU437" t="str">
            <v/>
          </cell>
        </row>
        <row r="438">
          <cell r="DT438" t="str">
            <v/>
          </cell>
          <cell r="DU438" t="str">
            <v/>
          </cell>
        </row>
        <row r="439">
          <cell r="DT439" t="str">
            <v/>
          </cell>
          <cell r="DU439" t="str">
            <v/>
          </cell>
        </row>
        <row r="440">
          <cell r="DT440" t="str">
            <v/>
          </cell>
          <cell r="DU440" t="str">
            <v/>
          </cell>
        </row>
        <row r="441">
          <cell r="DT441" t="str">
            <v/>
          </cell>
          <cell r="DU441" t="str">
            <v/>
          </cell>
        </row>
        <row r="442">
          <cell r="DT442" t="str">
            <v/>
          </cell>
          <cell r="DU442" t="str">
            <v/>
          </cell>
        </row>
        <row r="443">
          <cell r="DT443" t="str">
            <v/>
          </cell>
          <cell r="DU443" t="str">
            <v/>
          </cell>
        </row>
        <row r="444">
          <cell r="DT444" t="str">
            <v/>
          </cell>
          <cell r="DU444" t="str">
            <v/>
          </cell>
        </row>
        <row r="445">
          <cell r="DT445" t="str">
            <v/>
          </cell>
          <cell r="DU445" t="str">
            <v/>
          </cell>
        </row>
        <row r="446">
          <cell r="DT446" t="str">
            <v/>
          </cell>
          <cell r="DU446" t="str">
            <v/>
          </cell>
        </row>
        <row r="447">
          <cell r="DT447" t="str">
            <v/>
          </cell>
          <cell r="DU447" t="str">
            <v/>
          </cell>
        </row>
        <row r="448">
          <cell r="DT448" t="str">
            <v/>
          </cell>
          <cell r="DU448" t="str">
            <v/>
          </cell>
        </row>
        <row r="449">
          <cell r="DT449" t="str">
            <v/>
          </cell>
          <cell r="DU449" t="str">
            <v/>
          </cell>
        </row>
        <row r="450">
          <cell r="DT450" t="str">
            <v/>
          </cell>
          <cell r="DU450" t="str">
            <v/>
          </cell>
        </row>
        <row r="451">
          <cell r="DT451" t="str">
            <v/>
          </cell>
          <cell r="DU451" t="str">
            <v/>
          </cell>
        </row>
        <row r="452">
          <cell r="DT452" t="str">
            <v/>
          </cell>
          <cell r="DU452" t="str">
            <v/>
          </cell>
        </row>
        <row r="453">
          <cell r="DT453" t="str">
            <v/>
          </cell>
          <cell r="DU453" t="str">
            <v/>
          </cell>
        </row>
        <row r="454">
          <cell r="DT454" t="str">
            <v/>
          </cell>
          <cell r="DU454" t="str">
            <v/>
          </cell>
        </row>
        <row r="455">
          <cell r="DT455" t="str">
            <v/>
          </cell>
          <cell r="DU455" t="str">
            <v/>
          </cell>
        </row>
        <row r="456">
          <cell r="DT456" t="str">
            <v/>
          </cell>
          <cell r="DU456" t="str">
            <v/>
          </cell>
        </row>
        <row r="457">
          <cell r="DT457" t="str">
            <v/>
          </cell>
          <cell r="DU457" t="str">
            <v/>
          </cell>
        </row>
        <row r="458">
          <cell r="DT458" t="str">
            <v/>
          </cell>
          <cell r="DU458" t="str">
            <v/>
          </cell>
        </row>
        <row r="459">
          <cell r="DT459" t="str">
            <v/>
          </cell>
          <cell r="DU459" t="str">
            <v/>
          </cell>
        </row>
        <row r="460">
          <cell r="DT460" t="str">
            <v/>
          </cell>
          <cell r="DU460" t="str">
            <v/>
          </cell>
        </row>
        <row r="461">
          <cell r="DT461" t="str">
            <v/>
          </cell>
          <cell r="DU461" t="str">
            <v/>
          </cell>
        </row>
        <row r="462">
          <cell r="DT462" t="str">
            <v/>
          </cell>
          <cell r="DU462" t="str">
            <v/>
          </cell>
        </row>
        <row r="463">
          <cell r="DT463" t="str">
            <v/>
          </cell>
          <cell r="DU463" t="str">
            <v/>
          </cell>
        </row>
        <row r="464">
          <cell r="DT464" t="str">
            <v/>
          </cell>
          <cell r="DU464" t="str">
            <v/>
          </cell>
        </row>
        <row r="465">
          <cell r="DT465" t="str">
            <v/>
          </cell>
          <cell r="DU465" t="str">
            <v/>
          </cell>
        </row>
        <row r="466">
          <cell r="DT466" t="str">
            <v/>
          </cell>
          <cell r="DU466" t="str">
            <v/>
          </cell>
        </row>
        <row r="467">
          <cell r="DT467" t="str">
            <v/>
          </cell>
          <cell r="DU467" t="str">
            <v/>
          </cell>
        </row>
        <row r="468">
          <cell r="DT468" t="str">
            <v/>
          </cell>
          <cell r="DU468" t="str">
            <v/>
          </cell>
        </row>
        <row r="469">
          <cell r="DT469" t="str">
            <v/>
          </cell>
          <cell r="DU469" t="str">
            <v/>
          </cell>
        </row>
        <row r="470">
          <cell r="DT470" t="str">
            <v/>
          </cell>
          <cell r="DU470" t="str">
            <v/>
          </cell>
        </row>
        <row r="471">
          <cell r="DT471" t="str">
            <v/>
          </cell>
          <cell r="DU471" t="str">
            <v/>
          </cell>
        </row>
        <row r="472">
          <cell r="DT472" t="str">
            <v/>
          </cell>
          <cell r="DU472" t="str">
            <v/>
          </cell>
        </row>
        <row r="473">
          <cell r="DT473" t="str">
            <v/>
          </cell>
          <cell r="DU473" t="str">
            <v/>
          </cell>
        </row>
        <row r="474">
          <cell r="DT474" t="str">
            <v/>
          </cell>
          <cell r="DU474" t="str">
            <v/>
          </cell>
        </row>
        <row r="475">
          <cell r="DT475" t="str">
            <v/>
          </cell>
          <cell r="DU475" t="str">
            <v/>
          </cell>
        </row>
        <row r="476">
          <cell r="DT476" t="str">
            <v/>
          </cell>
          <cell r="DU476" t="str">
            <v/>
          </cell>
        </row>
        <row r="477">
          <cell r="DT477" t="str">
            <v/>
          </cell>
          <cell r="DU477" t="str">
            <v/>
          </cell>
        </row>
        <row r="478">
          <cell r="DT478" t="str">
            <v/>
          </cell>
          <cell r="DU478" t="str">
            <v/>
          </cell>
        </row>
        <row r="479">
          <cell r="DT479" t="str">
            <v/>
          </cell>
          <cell r="DU479" t="str">
            <v/>
          </cell>
        </row>
        <row r="480">
          <cell r="DT480" t="str">
            <v/>
          </cell>
          <cell r="DU480" t="str">
            <v/>
          </cell>
        </row>
        <row r="481">
          <cell r="DT481" t="str">
            <v/>
          </cell>
          <cell r="DU481" t="str">
            <v/>
          </cell>
        </row>
        <row r="482">
          <cell r="DT482" t="str">
            <v/>
          </cell>
          <cell r="DU482" t="str">
            <v/>
          </cell>
        </row>
        <row r="483">
          <cell r="DT483" t="str">
            <v/>
          </cell>
          <cell r="DU483" t="str">
            <v/>
          </cell>
        </row>
        <row r="484">
          <cell r="DT484" t="str">
            <v/>
          </cell>
          <cell r="DU484" t="str">
            <v/>
          </cell>
        </row>
        <row r="485">
          <cell r="DT485" t="str">
            <v/>
          </cell>
          <cell r="DU485" t="str">
            <v/>
          </cell>
        </row>
        <row r="486">
          <cell r="DT486" t="str">
            <v/>
          </cell>
          <cell r="DU486" t="str">
            <v/>
          </cell>
        </row>
        <row r="487">
          <cell r="DT487" t="str">
            <v/>
          </cell>
          <cell r="DU487" t="str">
            <v/>
          </cell>
        </row>
        <row r="488">
          <cell r="DT488" t="str">
            <v/>
          </cell>
          <cell r="DU488" t="str">
            <v/>
          </cell>
        </row>
        <row r="489">
          <cell r="DT489" t="str">
            <v/>
          </cell>
          <cell r="DU489" t="str">
            <v/>
          </cell>
        </row>
        <row r="490">
          <cell r="DT490" t="str">
            <v/>
          </cell>
          <cell r="DU490" t="str">
            <v/>
          </cell>
        </row>
        <row r="491">
          <cell r="DT491" t="str">
            <v/>
          </cell>
          <cell r="DU491" t="str">
            <v/>
          </cell>
        </row>
        <row r="492">
          <cell r="DT492" t="str">
            <v/>
          </cell>
          <cell r="DU492" t="str">
            <v/>
          </cell>
        </row>
        <row r="493">
          <cell r="DT493" t="str">
            <v/>
          </cell>
          <cell r="DU493" t="str">
            <v/>
          </cell>
        </row>
        <row r="494">
          <cell r="DT494" t="str">
            <v/>
          </cell>
          <cell r="DU494" t="str">
            <v/>
          </cell>
        </row>
        <row r="495">
          <cell r="DT495" t="str">
            <v/>
          </cell>
          <cell r="DU495" t="str">
            <v/>
          </cell>
        </row>
        <row r="496">
          <cell r="DT496" t="str">
            <v/>
          </cell>
          <cell r="DU496" t="str">
            <v/>
          </cell>
        </row>
        <row r="497">
          <cell r="DT497" t="str">
            <v/>
          </cell>
          <cell r="DU497" t="str">
            <v/>
          </cell>
        </row>
        <row r="498">
          <cell r="DT498" t="str">
            <v/>
          </cell>
          <cell r="DU498" t="str">
            <v/>
          </cell>
        </row>
        <row r="499">
          <cell r="DT499" t="str">
            <v/>
          </cell>
          <cell r="DU499" t="str">
            <v/>
          </cell>
        </row>
        <row r="500">
          <cell r="DT500" t="str">
            <v/>
          </cell>
          <cell r="DU500" t="str">
            <v/>
          </cell>
        </row>
        <row r="501">
          <cell r="DT501" t="str">
            <v/>
          </cell>
          <cell r="DU501" t="str">
            <v/>
          </cell>
        </row>
        <row r="502">
          <cell r="DT502" t="str">
            <v/>
          </cell>
          <cell r="DU502" t="str">
            <v/>
          </cell>
        </row>
        <row r="503">
          <cell r="DT503" t="str">
            <v/>
          </cell>
          <cell r="DU503" t="str">
            <v/>
          </cell>
        </row>
        <row r="504">
          <cell r="DT504" t="str">
            <v/>
          </cell>
          <cell r="DU504" t="str">
            <v/>
          </cell>
        </row>
        <row r="505">
          <cell r="DT505" t="str">
            <v/>
          </cell>
          <cell r="DU505" t="str">
            <v/>
          </cell>
        </row>
        <row r="506">
          <cell r="DT506" t="str">
            <v/>
          </cell>
          <cell r="DU506" t="str">
            <v/>
          </cell>
        </row>
        <row r="507">
          <cell r="DT507" t="str">
            <v/>
          </cell>
          <cell r="DU507" t="str">
            <v/>
          </cell>
        </row>
        <row r="508">
          <cell r="DT508" t="str">
            <v/>
          </cell>
          <cell r="DU508" t="str">
            <v/>
          </cell>
        </row>
        <row r="509">
          <cell r="DT509" t="str">
            <v/>
          </cell>
          <cell r="DU509" t="str">
            <v/>
          </cell>
        </row>
        <row r="510">
          <cell r="DT510" t="str">
            <v/>
          </cell>
          <cell r="DU510" t="str">
            <v/>
          </cell>
        </row>
        <row r="511">
          <cell r="DT511" t="str">
            <v/>
          </cell>
          <cell r="DU511" t="str">
            <v/>
          </cell>
        </row>
        <row r="512">
          <cell r="DT512" t="str">
            <v/>
          </cell>
          <cell r="DU512" t="str">
            <v/>
          </cell>
        </row>
        <row r="513">
          <cell r="DT513" t="str">
            <v/>
          </cell>
          <cell r="DU513" t="str">
            <v/>
          </cell>
        </row>
        <row r="514">
          <cell r="DT514" t="str">
            <v/>
          </cell>
          <cell r="DU514" t="str">
            <v/>
          </cell>
        </row>
        <row r="515">
          <cell r="DT515" t="str">
            <v/>
          </cell>
          <cell r="DU515" t="str">
            <v/>
          </cell>
        </row>
        <row r="516">
          <cell r="DT516" t="str">
            <v/>
          </cell>
          <cell r="DU516" t="str">
            <v/>
          </cell>
        </row>
        <row r="517">
          <cell r="DT517" t="str">
            <v/>
          </cell>
          <cell r="DU517" t="str">
            <v/>
          </cell>
        </row>
        <row r="518">
          <cell r="DT518" t="str">
            <v/>
          </cell>
          <cell r="DU518" t="str">
            <v/>
          </cell>
        </row>
        <row r="519">
          <cell r="DT519" t="str">
            <v/>
          </cell>
          <cell r="DU519" t="str">
            <v/>
          </cell>
        </row>
        <row r="520">
          <cell r="DT520" t="str">
            <v/>
          </cell>
          <cell r="DU520" t="str">
            <v/>
          </cell>
        </row>
        <row r="521">
          <cell r="DT521" t="str">
            <v/>
          </cell>
          <cell r="DU521" t="str">
            <v/>
          </cell>
        </row>
        <row r="522">
          <cell r="DT522" t="str">
            <v/>
          </cell>
          <cell r="DU522" t="str">
            <v/>
          </cell>
        </row>
        <row r="523">
          <cell r="DT523" t="str">
            <v/>
          </cell>
          <cell r="DU523" t="str">
            <v/>
          </cell>
        </row>
        <row r="524">
          <cell r="DT524" t="str">
            <v/>
          </cell>
          <cell r="DU524" t="str">
            <v/>
          </cell>
        </row>
        <row r="525">
          <cell r="DT525" t="str">
            <v/>
          </cell>
          <cell r="DU525" t="str">
            <v/>
          </cell>
        </row>
        <row r="526">
          <cell r="DT526" t="str">
            <v/>
          </cell>
          <cell r="DU526" t="str">
            <v/>
          </cell>
        </row>
        <row r="527">
          <cell r="DT527" t="str">
            <v/>
          </cell>
          <cell r="DU527" t="str">
            <v/>
          </cell>
        </row>
        <row r="528">
          <cell r="DT528" t="str">
            <v/>
          </cell>
          <cell r="DU528" t="str">
            <v/>
          </cell>
        </row>
        <row r="529">
          <cell r="DT529" t="str">
            <v/>
          </cell>
          <cell r="DU529" t="str">
            <v/>
          </cell>
        </row>
        <row r="530">
          <cell r="DT530" t="str">
            <v/>
          </cell>
          <cell r="DU530" t="str">
            <v/>
          </cell>
        </row>
        <row r="531">
          <cell r="DT531" t="str">
            <v/>
          </cell>
          <cell r="DU531" t="str">
            <v/>
          </cell>
        </row>
        <row r="532">
          <cell r="DT532" t="str">
            <v/>
          </cell>
          <cell r="DU532" t="str">
            <v/>
          </cell>
        </row>
        <row r="533">
          <cell r="DT533" t="str">
            <v/>
          </cell>
          <cell r="DU533" t="str">
            <v/>
          </cell>
        </row>
        <row r="534">
          <cell r="DT534" t="str">
            <v/>
          </cell>
          <cell r="DU534" t="str">
            <v/>
          </cell>
        </row>
        <row r="535">
          <cell r="DT535" t="str">
            <v/>
          </cell>
          <cell r="DU535" t="str">
            <v/>
          </cell>
        </row>
        <row r="536">
          <cell r="DT536" t="str">
            <v/>
          </cell>
          <cell r="DU536" t="str">
            <v/>
          </cell>
        </row>
        <row r="537">
          <cell r="DT537" t="str">
            <v/>
          </cell>
          <cell r="DU537" t="str">
            <v/>
          </cell>
        </row>
        <row r="538">
          <cell r="DT538" t="str">
            <v/>
          </cell>
          <cell r="DU538" t="str">
            <v/>
          </cell>
        </row>
        <row r="539">
          <cell r="DT539" t="str">
            <v/>
          </cell>
          <cell r="DU539" t="str">
            <v/>
          </cell>
        </row>
        <row r="540">
          <cell r="DT540" t="str">
            <v/>
          </cell>
          <cell r="DU540" t="str">
            <v/>
          </cell>
        </row>
        <row r="541">
          <cell r="DT541" t="str">
            <v/>
          </cell>
          <cell r="DU541" t="str">
            <v/>
          </cell>
        </row>
        <row r="542">
          <cell r="DT542" t="str">
            <v/>
          </cell>
          <cell r="DU542" t="str">
            <v/>
          </cell>
        </row>
        <row r="543">
          <cell r="DT543" t="str">
            <v/>
          </cell>
          <cell r="DU543" t="str">
            <v/>
          </cell>
        </row>
        <row r="544">
          <cell r="DT544" t="str">
            <v/>
          </cell>
          <cell r="DU544" t="str">
            <v/>
          </cell>
        </row>
        <row r="545">
          <cell r="DT545" t="str">
            <v/>
          </cell>
          <cell r="DU545" t="str">
            <v/>
          </cell>
        </row>
        <row r="546">
          <cell r="DT546" t="str">
            <v/>
          </cell>
          <cell r="DU546" t="str">
            <v/>
          </cell>
        </row>
        <row r="547">
          <cell r="DT547" t="str">
            <v/>
          </cell>
          <cell r="DU547" t="str">
            <v/>
          </cell>
        </row>
        <row r="548">
          <cell r="DT548" t="str">
            <v/>
          </cell>
          <cell r="DU548" t="str">
            <v/>
          </cell>
        </row>
        <row r="549">
          <cell r="DT549" t="str">
            <v/>
          </cell>
          <cell r="DU549" t="str">
            <v/>
          </cell>
        </row>
        <row r="550">
          <cell r="DT550" t="str">
            <v/>
          </cell>
          <cell r="DU550" t="str">
            <v/>
          </cell>
        </row>
        <row r="551">
          <cell r="DT551" t="str">
            <v/>
          </cell>
          <cell r="DU551" t="str">
            <v/>
          </cell>
        </row>
        <row r="552">
          <cell r="DT552" t="str">
            <v/>
          </cell>
          <cell r="DU552" t="str">
            <v/>
          </cell>
        </row>
        <row r="553">
          <cell r="DT553" t="str">
            <v/>
          </cell>
          <cell r="DU553" t="str">
            <v/>
          </cell>
        </row>
        <row r="554">
          <cell r="DT554" t="str">
            <v/>
          </cell>
          <cell r="DU554" t="str">
            <v/>
          </cell>
        </row>
        <row r="555">
          <cell r="DT555" t="str">
            <v/>
          </cell>
          <cell r="DU555" t="str">
            <v/>
          </cell>
        </row>
        <row r="556">
          <cell r="DT556" t="str">
            <v/>
          </cell>
          <cell r="DU556" t="str">
            <v/>
          </cell>
        </row>
        <row r="557">
          <cell r="DT557" t="str">
            <v/>
          </cell>
          <cell r="DU557" t="str">
            <v/>
          </cell>
        </row>
        <row r="558">
          <cell r="DT558" t="str">
            <v/>
          </cell>
          <cell r="DU558" t="str">
            <v/>
          </cell>
        </row>
        <row r="559">
          <cell r="DT559" t="str">
            <v/>
          </cell>
          <cell r="DU559" t="str">
            <v/>
          </cell>
        </row>
        <row r="560">
          <cell r="DT560" t="str">
            <v/>
          </cell>
          <cell r="DU560" t="str">
            <v/>
          </cell>
        </row>
        <row r="561">
          <cell r="DT561" t="str">
            <v/>
          </cell>
          <cell r="DU561" t="str">
            <v/>
          </cell>
        </row>
        <row r="562">
          <cell r="DT562" t="str">
            <v/>
          </cell>
          <cell r="DU562" t="str">
            <v/>
          </cell>
        </row>
        <row r="563">
          <cell r="DT563" t="str">
            <v/>
          </cell>
          <cell r="DU563" t="str">
            <v/>
          </cell>
        </row>
        <row r="564">
          <cell r="DT564" t="str">
            <v/>
          </cell>
          <cell r="DU564" t="str">
            <v/>
          </cell>
        </row>
        <row r="565">
          <cell r="DT565" t="str">
            <v/>
          </cell>
          <cell r="DU565" t="str">
            <v/>
          </cell>
        </row>
        <row r="566">
          <cell r="DT566" t="str">
            <v/>
          </cell>
          <cell r="DU566" t="str">
            <v/>
          </cell>
        </row>
        <row r="567">
          <cell r="DT567" t="str">
            <v/>
          </cell>
          <cell r="DU567" t="str">
            <v/>
          </cell>
        </row>
        <row r="568">
          <cell r="DT568" t="str">
            <v/>
          </cell>
          <cell r="DU568" t="str">
            <v/>
          </cell>
        </row>
        <row r="569">
          <cell r="DT569" t="str">
            <v/>
          </cell>
          <cell r="DU569" t="str">
            <v/>
          </cell>
        </row>
        <row r="570">
          <cell r="DT570" t="str">
            <v/>
          </cell>
          <cell r="DU570" t="str">
            <v/>
          </cell>
        </row>
        <row r="571">
          <cell r="DT571" t="str">
            <v/>
          </cell>
          <cell r="DU571" t="str">
            <v/>
          </cell>
        </row>
        <row r="572">
          <cell r="DT572" t="str">
            <v/>
          </cell>
          <cell r="DU572" t="str">
            <v/>
          </cell>
        </row>
        <row r="573">
          <cell r="DT573" t="str">
            <v/>
          </cell>
          <cell r="DU573" t="str">
            <v/>
          </cell>
        </row>
        <row r="574">
          <cell r="DT574" t="str">
            <v/>
          </cell>
          <cell r="DU574" t="str">
            <v/>
          </cell>
        </row>
        <row r="575">
          <cell r="DT575" t="str">
            <v/>
          </cell>
          <cell r="DU575" t="str">
            <v/>
          </cell>
        </row>
        <row r="576">
          <cell r="DT576" t="str">
            <v/>
          </cell>
          <cell r="DU576" t="str">
            <v/>
          </cell>
        </row>
        <row r="577">
          <cell r="DT577" t="str">
            <v/>
          </cell>
          <cell r="DU577" t="str">
            <v/>
          </cell>
        </row>
        <row r="578">
          <cell r="DT578" t="str">
            <v/>
          </cell>
          <cell r="DU578" t="str">
            <v/>
          </cell>
        </row>
        <row r="579">
          <cell r="DT579" t="str">
            <v/>
          </cell>
          <cell r="DU579" t="str">
            <v/>
          </cell>
        </row>
        <row r="580">
          <cell r="DT580" t="str">
            <v/>
          </cell>
          <cell r="DU580" t="str">
            <v/>
          </cell>
        </row>
        <row r="581">
          <cell r="DT581" t="str">
            <v/>
          </cell>
          <cell r="DU581" t="str">
            <v/>
          </cell>
        </row>
        <row r="582">
          <cell r="DT582" t="str">
            <v/>
          </cell>
          <cell r="DU582" t="str">
            <v/>
          </cell>
        </row>
        <row r="583">
          <cell r="DT583" t="str">
            <v/>
          </cell>
          <cell r="DU583" t="str">
            <v/>
          </cell>
        </row>
        <row r="584">
          <cell r="DT584" t="str">
            <v/>
          </cell>
          <cell r="DU584" t="str">
            <v/>
          </cell>
        </row>
        <row r="585">
          <cell r="DT585" t="str">
            <v/>
          </cell>
          <cell r="DU585" t="str">
            <v/>
          </cell>
        </row>
        <row r="586">
          <cell r="DT586" t="str">
            <v/>
          </cell>
          <cell r="DU586" t="str">
            <v/>
          </cell>
        </row>
        <row r="587">
          <cell r="DT587" t="str">
            <v/>
          </cell>
          <cell r="DU587" t="str">
            <v/>
          </cell>
        </row>
        <row r="588">
          <cell r="DT588" t="str">
            <v/>
          </cell>
          <cell r="DU588" t="str">
            <v/>
          </cell>
        </row>
        <row r="589">
          <cell r="DT589" t="str">
            <v/>
          </cell>
          <cell r="DU589" t="str">
            <v/>
          </cell>
        </row>
        <row r="590">
          <cell r="DT590" t="str">
            <v/>
          </cell>
          <cell r="DU590" t="str">
            <v/>
          </cell>
        </row>
        <row r="591">
          <cell r="DT591" t="str">
            <v/>
          </cell>
          <cell r="DU591" t="str">
            <v/>
          </cell>
        </row>
        <row r="592">
          <cell r="DT592" t="str">
            <v/>
          </cell>
          <cell r="DU592" t="str">
            <v/>
          </cell>
        </row>
        <row r="593">
          <cell r="DT593" t="str">
            <v/>
          </cell>
          <cell r="DU593" t="str">
            <v/>
          </cell>
        </row>
        <row r="594">
          <cell r="DT594" t="str">
            <v/>
          </cell>
          <cell r="DU594" t="str">
            <v/>
          </cell>
        </row>
        <row r="595">
          <cell r="DT595" t="str">
            <v/>
          </cell>
          <cell r="DU595" t="str">
            <v/>
          </cell>
        </row>
        <row r="596">
          <cell r="DT596" t="str">
            <v/>
          </cell>
          <cell r="DU596" t="str">
            <v/>
          </cell>
        </row>
        <row r="597">
          <cell r="DT597" t="str">
            <v/>
          </cell>
          <cell r="DU597" t="str">
            <v/>
          </cell>
        </row>
        <row r="598">
          <cell r="DT598" t="str">
            <v/>
          </cell>
          <cell r="DU598" t="str">
            <v/>
          </cell>
        </row>
        <row r="599">
          <cell r="DT599" t="str">
            <v/>
          </cell>
          <cell r="DU599" t="str">
            <v/>
          </cell>
        </row>
        <row r="600">
          <cell r="DT600" t="str">
            <v/>
          </cell>
          <cell r="DU600" t="str">
            <v/>
          </cell>
        </row>
        <row r="601">
          <cell r="DT601" t="str">
            <v/>
          </cell>
          <cell r="DU601" t="str">
            <v/>
          </cell>
        </row>
        <row r="602">
          <cell r="DT602" t="str">
            <v/>
          </cell>
          <cell r="DU602" t="str">
            <v/>
          </cell>
        </row>
        <row r="603">
          <cell r="DT603" t="str">
            <v/>
          </cell>
          <cell r="DU603" t="str">
            <v/>
          </cell>
        </row>
        <row r="604">
          <cell r="DT604" t="str">
            <v/>
          </cell>
          <cell r="DU604" t="str">
            <v/>
          </cell>
        </row>
        <row r="605">
          <cell r="DT605" t="str">
            <v/>
          </cell>
          <cell r="DU605" t="str">
            <v/>
          </cell>
        </row>
        <row r="606">
          <cell r="DT606" t="str">
            <v/>
          </cell>
          <cell r="DU606" t="str">
            <v/>
          </cell>
        </row>
        <row r="607">
          <cell r="DT607" t="str">
            <v/>
          </cell>
          <cell r="DU607" t="str">
            <v/>
          </cell>
        </row>
        <row r="608">
          <cell r="DT608" t="str">
            <v/>
          </cell>
          <cell r="DU608" t="str">
            <v/>
          </cell>
        </row>
        <row r="609">
          <cell r="DT609" t="str">
            <v/>
          </cell>
          <cell r="DU609" t="str">
            <v/>
          </cell>
        </row>
        <row r="610">
          <cell r="DT610" t="str">
            <v/>
          </cell>
          <cell r="DU610" t="str">
            <v/>
          </cell>
        </row>
        <row r="611">
          <cell r="DT611" t="str">
            <v/>
          </cell>
          <cell r="DU611" t="str">
            <v/>
          </cell>
        </row>
        <row r="612">
          <cell r="DT612" t="str">
            <v/>
          </cell>
          <cell r="DU612" t="str">
            <v/>
          </cell>
        </row>
        <row r="613">
          <cell r="DT613" t="str">
            <v/>
          </cell>
          <cell r="DU613" t="str">
            <v/>
          </cell>
        </row>
        <row r="614">
          <cell r="DT614" t="str">
            <v/>
          </cell>
          <cell r="DU614" t="str">
            <v/>
          </cell>
        </row>
        <row r="615">
          <cell r="DT615" t="str">
            <v/>
          </cell>
          <cell r="DU615" t="str">
            <v/>
          </cell>
        </row>
        <row r="616">
          <cell r="DT616" t="str">
            <v/>
          </cell>
          <cell r="DU616" t="str">
            <v/>
          </cell>
        </row>
        <row r="617">
          <cell r="DT617" t="str">
            <v/>
          </cell>
          <cell r="DU617" t="str">
            <v/>
          </cell>
        </row>
        <row r="618">
          <cell r="DT618" t="str">
            <v/>
          </cell>
          <cell r="DU618" t="str">
            <v/>
          </cell>
        </row>
        <row r="619">
          <cell r="DT619" t="str">
            <v/>
          </cell>
          <cell r="DU619" t="str">
            <v/>
          </cell>
        </row>
        <row r="620">
          <cell r="DT620" t="str">
            <v/>
          </cell>
          <cell r="DU620" t="str">
            <v/>
          </cell>
        </row>
        <row r="621">
          <cell r="DT621" t="str">
            <v/>
          </cell>
          <cell r="DU621" t="str">
            <v/>
          </cell>
        </row>
        <row r="622">
          <cell r="DT622" t="str">
            <v/>
          </cell>
          <cell r="DU622" t="str">
            <v/>
          </cell>
        </row>
        <row r="623">
          <cell r="DT623" t="str">
            <v/>
          </cell>
          <cell r="DU623" t="str">
            <v/>
          </cell>
        </row>
        <row r="624">
          <cell r="DT624" t="str">
            <v/>
          </cell>
          <cell r="DU624" t="str">
            <v/>
          </cell>
        </row>
        <row r="625">
          <cell r="DT625" t="str">
            <v/>
          </cell>
          <cell r="DU625" t="str">
            <v/>
          </cell>
        </row>
        <row r="626">
          <cell r="DT626" t="str">
            <v/>
          </cell>
          <cell r="DU626" t="str">
            <v/>
          </cell>
        </row>
        <row r="627">
          <cell r="DT627" t="str">
            <v/>
          </cell>
          <cell r="DU627" t="str">
            <v/>
          </cell>
        </row>
        <row r="628">
          <cell r="DT628" t="str">
            <v/>
          </cell>
          <cell r="DU628" t="str">
            <v/>
          </cell>
        </row>
        <row r="629">
          <cell r="DT629" t="str">
            <v/>
          </cell>
          <cell r="DU629" t="str">
            <v/>
          </cell>
        </row>
        <row r="630">
          <cell r="DT630" t="str">
            <v/>
          </cell>
          <cell r="DU630" t="str">
            <v/>
          </cell>
        </row>
        <row r="631">
          <cell r="DT631" t="str">
            <v/>
          </cell>
          <cell r="DU631" t="str">
            <v/>
          </cell>
        </row>
        <row r="632">
          <cell r="DT632" t="str">
            <v/>
          </cell>
          <cell r="DU632" t="str">
            <v/>
          </cell>
        </row>
        <row r="633">
          <cell r="DT633" t="str">
            <v/>
          </cell>
          <cell r="DU633" t="str">
            <v/>
          </cell>
        </row>
        <row r="634">
          <cell r="DT634" t="str">
            <v/>
          </cell>
          <cell r="DU634" t="str">
            <v/>
          </cell>
        </row>
        <row r="635">
          <cell r="DT635" t="str">
            <v/>
          </cell>
          <cell r="DU635" t="str">
            <v/>
          </cell>
        </row>
        <row r="636">
          <cell r="DT636" t="str">
            <v/>
          </cell>
          <cell r="DU636" t="str">
            <v/>
          </cell>
        </row>
        <row r="637">
          <cell r="DT637" t="str">
            <v/>
          </cell>
          <cell r="DU637" t="str">
            <v/>
          </cell>
        </row>
        <row r="638">
          <cell r="DT638" t="str">
            <v/>
          </cell>
          <cell r="DU638" t="str">
            <v/>
          </cell>
        </row>
        <row r="639">
          <cell r="DT639" t="str">
            <v/>
          </cell>
          <cell r="DU639" t="str">
            <v/>
          </cell>
        </row>
        <row r="640">
          <cell r="DT640" t="str">
            <v/>
          </cell>
          <cell r="DU640" t="str">
            <v/>
          </cell>
        </row>
        <row r="641">
          <cell r="DT641" t="str">
            <v/>
          </cell>
          <cell r="DU641" t="str">
            <v/>
          </cell>
        </row>
        <row r="642">
          <cell r="DT642" t="str">
            <v/>
          </cell>
          <cell r="DU642" t="str">
            <v/>
          </cell>
        </row>
        <row r="643">
          <cell r="DT643" t="str">
            <v/>
          </cell>
          <cell r="DU643" t="str">
            <v/>
          </cell>
        </row>
        <row r="644">
          <cell r="DT644" t="str">
            <v/>
          </cell>
          <cell r="DU644" t="str">
            <v/>
          </cell>
        </row>
        <row r="645">
          <cell r="DT645" t="str">
            <v/>
          </cell>
          <cell r="DU645" t="str">
            <v/>
          </cell>
        </row>
        <row r="646">
          <cell r="DT646" t="str">
            <v/>
          </cell>
          <cell r="DU646" t="str">
            <v/>
          </cell>
        </row>
        <row r="647">
          <cell r="DT647" t="str">
            <v/>
          </cell>
          <cell r="DU647" t="str">
            <v/>
          </cell>
        </row>
        <row r="648">
          <cell r="DT648" t="str">
            <v/>
          </cell>
          <cell r="DU648" t="str">
            <v/>
          </cell>
        </row>
        <row r="649">
          <cell r="DT649" t="str">
            <v/>
          </cell>
          <cell r="DU649" t="str">
            <v/>
          </cell>
        </row>
        <row r="650">
          <cell r="DT650" t="str">
            <v/>
          </cell>
          <cell r="DU650" t="str">
            <v/>
          </cell>
        </row>
        <row r="651">
          <cell r="DT651" t="str">
            <v/>
          </cell>
          <cell r="DU651" t="str">
            <v/>
          </cell>
        </row>
        <row r="652">
          <cell r="DT652" t="str">
            <v/>
          </cell>
          <cell r="DU652" t="str">
            <v/>
          </cell>
        </row>
        <row r="653">
          <cell r="DT653" t="str">
            <v/>
          </cell>
          <cell r="DU653" t="str">
            <v/>
          </cell>
        </row>
        <row r="654">
          <cell r="DT654" t="str">
            <v/>
          </cell>
          <cell r="DU654" t="str">
            <v/>
          </cell>
        </row>
        <row r="655">
          <cell r="DT655" t="str">
            <v/>
          </cell>
          <cell r="DU655" t="str">
            <v/>
          </cell>
        </row>
        <row r="656">
          <cell r="DT656" t="str">
            <v/>
          </cell>
          <cell r="DU656" t="str">
            <v/>
          </cell>
        </row>
        <row r="657">
          <cell r="DT657" t="str">
            <v/>
          </cell>
          <cell r="DU657" t="str">
            <v/>
          </cell>
        </row>
        <row r="658">
          <cell r="DT658" t="str">
            <v/>
          </cell>
          <cell r="DU658" t="str">
            <v/>
          </cell>
        </row>
        <row r="659">
          <cell r="DT659" t="str">
            <v/>
          </cell>
          <cell r="DU659" t="str">
            <v/>
          </cell>
        </row>
        <row r="660">
          <cell r="DT660" t="str">
            <v/>
          </cell>
          <cell r="DU660" t="str">
            <v/>
          </cell>
        </row>
        <row r="661">
          <cell r="DT661" t="str">
            <v/>
          </cell>
          <cell r="DU661" t="str">
            <v/>
          </cell>
        </row>
        <row r="662">
          <cell r="DT662" t="str">
            <v/>
          </cell>
          <cell r="DU662" t="str">
            <v/>
          </cell>
        </row>
        <row r="663">
          <cell r="DT663" t="str">
            <v/>
          </cell>
          <cell r="DU663" t="str">
            <v/>
          </cell>
        </row>
        <row r="664">
          <cell r="DT664" t="str">
            <v/>
          </cell>
          <cell r="DU664" t="str">
            <v/>
          </cell>
        </row>
        <row r="665">
          <cell r="DT665" t="str">
            <v/>
          </cell>
          <cell r="DU665" t="str">
            <v/>
          </cell>
        </row>
        <row r="666">
          <cell r="DT666" t="str">
            <v/>
          </cell>
          <cell r="DU666" t="str">
            <v/>
          </cell>
        </row>
        <row r="667">
          <cell r="DT667" t="str">
            <v/>
          </cell>
          <cell r="DU667" t="str">
            <v/>
          </cell>
        </row>
        <row r="668">
          <cell r="DT668" t="str">
            <v/>
          </cell>
          <cell r="DU668" t="str">
            <v/>
          </cell>
        </row>
        <row r="669">
          <cell r="DT669" t="str">
            <v/>
          </cell>
          <cell r="DU669" t="str">
            <v/>
          </cell>
        </row>
        <row r="670">
          <cell r="DT670" t="str">
            <v/>
          </cell>
          <cell r="DU670" t="str">
            <v/>
          </cell>
        </row>
        <row r="671">
          <cell r="DT671" t="str">
            <v/>
          </cell>
          <cell r="DU671" t="str">
            <v/>
          </cell>
        </row>
        <row r="672">
          <cell r="DT672" t="str">
            <v/>
          </cell>
          <cell r="DU672" t="str">
            <v/>
          </cell>
        </row>
        <row r="673">
          <cell r="DT673" t="str">
            <v/>
          </cell>
          <cell r="DU673" t="str">
            <v/>
          </cell>
        </row>
        <row r="674">
          <cell r="DT674" t="str">
            <v/>
          </cell>
          <cell r="DU674" t="str">
            <v/>
          </cell>
        </row>
        <row r="675">
          <cell r="DT675" t="str">
            <v/>
          </cell>
          <cell r="DU675" t="str">
            <v/>
          </cell>
        </row>
        <row r="676">
          <cell r="DT676" t="str">
            <v/>
          </cell>
          <cell r="DU676" t="str">
            <v/>
          </cell>
        </row>
        <row r="677">
          <cell r="DT677" t="str">
            <v/>
          </cell>
          <cell r="DU677" t="str">
            <v/>
          </cell>
        </row>
        <row r="678">
          <cell r="DT678" t="str">
            <v/>
          </cell>
          <cell r="DU678" t="str">
            <v/>
          </cell>
        </row>
        <row r="679">
          <cell r="DT679" t="str">
            <v/>
          </cell>
          <cell r="DU679" t="str">
            <v/>
          </cell>
        </row>
        <row r="680">
          <cell r="DT680" t="str">
            <v/>
          </cell>
          <cell r="DU680" t="str">
            <v/>
          </cell>
        </row>
        <row r="681">
          <cell r="DT681" t="str">
            <v/>
          </cell>
          <cell r="DU681" t="str">
            <v/>
          </cell>
        </row>
        <row r="682">
          <cell r="DT682" t="str">
            <v/>
          </cell>
          <cell r="DU682" t="str">
            <v/>
          </cell>
        </row>
        <row r="683">
          <cell r="DT683" t="str">
            <v/>
          </cell>
          <cell r="DU683" t="str">
            <v/>
          </cell>
        </row>
        <row r="684">
          <cell r="DT684" t="str">
            <v/>
          </cell>
          <cell r="DU684" t="str">
            <v/>
          </cell>
        </row>
        <row r="685">
          <cell r="DT685" t="str">
            <v/>
          </cell>
          <cell r="DU685" t="str">
            <v/>
          </cell>
        </row>
        <row r="686">
          <cell r="DT686" t="str">
            <v/>
          </cell>
          <cell r="DU686" t="str">
            <v/>
          </cell>
        </row>
        <row r="687">
          <cell r="DT687" t="str">
            <v/>
          </cell>
          <cell r="DU687" t="str">
            <v/>
          </cell>
        </row>
        <row r="688">
          <cell r="DT688" t="str">
            <v/>
          </cell>
          <cell r="DU688" t="str">
            <v/>
          </cell>
        </row>
        <row r="689">
          <cell r="DT689" t="str">
            <v/>
          </cell>
          <cell r="DU689" t="str">
            <v/>
          </cell>
        </row>
        <row r="690">
          <cell r="DT690" t="str">
            <v/>
          </cell>
          <cell r="DU690" t="str">
            <v/>
          </cell>
        </row>
        <row r="691">
          <cell r="DT691" t="str">
            <v/>
          </cell>
          <cell r="DU691" t="str">
            <v/>
          </cell>
        </row>
        <row r="692">
          <cell r="DT692" t="str">
            <v/>
          </cell>
          <cell r="DU692" t="str">
            <v/>
          </cell>
        </row>
        <row r="693">
          <cell r="DT693" t="str">
            <v/>
          </cell>
          <cell r="DU693" t="str">
            <v/>
          </cell>
        </row>
        <row r="694">
          <cell r="DT694" t="str">
            <v/>
          </cell>
          <cell r="DU694" t="str">
            <v/>
          </cell>
        </row>
        <row r="695">
          <cell r="DT695" t="str">
            <v/>
          </cell>
          <cell r="DU695" t="str">
            <v/>
          </cell>
        </row>
        <row r="696">
          <cell r="DT696" t="str">
            <v/>
          </cell>
          <cell r="DU696" t="str">
            <v/>
          </cell>
        </row>
        <row r="697">
          <cell r="DT697" t="str">
            <v/>
          </cell>
          <cell r="DU697" t="str">
            <v/>
          </cell>
        </row>
        <row r="698">
          <cell r="DT698" t="str">
            <v/>
          </cell>
          <cell r="DU698" t="str">
            <v/>
          </cell>
        </row>
        <row r="699">
          <cell r="DT699" t="str">
            <v/>
          </cell>
          <cell r="DU699" t="str">
            <v/>
          </cell>
        </row>
        <row r="700">
          <cell r="DT700" t="str">
            <v/>
          </cell>
          <cell r="DU700" t="str">
            <v/>
          </cell>
        </row>
      </sheetData>
      <sheetData sheetId="6"/>
      <sheetData sheetId="7"/>
      <sheetData sheetId="8"/>
      <sheetData sheetId="9"/>
      <sheetData sheetId="10"/>
      <sheetData sheetId="11" refreshError="1"/>
    </sheetDataSet>
  </externalBook>
</externalLink>
</file>

<file path=xl/externalLinks/externalLink7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監督経歴"/>
      <sheetName val="MEMO"/>
      <sheetName val="工事費総括表"/>
      <sheetName val="内訳"/>
      <sheetName val="財産計算"/>
      <sheetName val="数量"/>
      <sheetName val="日数"/>
      <sheetName val="数量計算書"/>
      <sheetName val="距離計算"/>
      <sheetName val="一位代価"/>
      <sheetName val="資材単価"/>
      <sheetName val="損料"/>
      <sheetName val="市価"/>
      <sheetName val="歩掛"/>
      <sheetName val="表紙"/>
      <sheetName val="物品請求書"/>
      <sheetName val="物品受領書"/>
      <sheetName val="官給品使用明細書"/>
      <sheetName val="撤去品等発生通知書"/>
      <sheetName val="物品取得通知書"/>
      <sheetName val="撤去品等使用見込調書"/>
      <sheetName val="官給品仕訳"/>
      <sheetName val="現場監督報告書 (1)"/>
      <sheetName val="現場監督報告書 (2)"/>
      <sheetName val="営繕工事等明細書１"/>
      <sheetName val="営繕工事等受渡証書１"/>
      <sheetName val="営繕工事等明細書２"/>
      <sheetName val="営繕工事等受渡証書２"/>
      <sheetName val="検査調書１"/>
      <sheetName val="検査調書２"/>
      <sheetName val="監督終了報告書"/>
      <sheetName val="写真供覧"/>
      <sheetName val="府県別労務"/>
      <sheetName val="労務単価"/>
      <sheetName val="H13労務単価"/>
      <sheetName val="H13技術者単価"/>
      <sheetName val="その他率"/>
      <sheetName val="決議書　1"/>
      <sheetName val="決議書　2"/>
    </sheetNames>
    <sheetDataSet>
      <sheetData sheetId="0" refreshError="1">
        <row r="3">
          <cell r="C3" t="str">
            <v>贄浦港西防波堤灯台新設工事</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Set>
  </externalBook>
</externalLink>
</file>

<file path=xl/externalLinks/externalLink7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内訳表"/>
      <sheetName val="工事費内訳表"/>
      <sheetName val="一位代価表"/>
    </sheetNames>
    <sheetDataSet>
      <sheetData sheetId="0"/>
      <sheetData sheetId="1">
        <row r="11">
          <cell r="H11">
            <v>447832</v>
          </cell>
        </row>
        <row r="43">
          <cell r="H43">
            <v>376116</v>
          </cell>
        </row>
        <row r="69">
          <cell r="H69">
            <v>638323</v>
          </cell>
        </row>
      </sheetData>
      <sheetData sheetId="2">
        <row r="147">
          <cell r="F147">
            <v>7761</v>
          </cell>
        </row>
        <row r="223">
          <cell r="F223">
            <v>8447</v>
          </cell>
        </row>
      </sheetData>
    </sheetDataSet>
  </externalBook>
</externalLink>
</file>

<file path=xl/externalLinks/externalLink7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鉄骨集計"/>
      <sheetName val="鉄骨拾い"/>
      <sheetName val="鉄骨DATA"/>
    </sheetNames>
    <sheetDataSet>
      <sheetData sheetId="0" refreshError="1"/>
      <sheetData sheetId="1" refreshError="1"/>
      <sheetData sheetId="2">
        <row r="2">
          <cell r="A2" t="str">
            <v>SS400</v>
          </cell>
        </row>
        <row r="3">
          <cell r="A3" t="str">
            <v>SN400A</v>
          </cell>
        </row>
        <row r="4">
          <cell r="A4" t="str">
            <v>SN400B</v>
          </cell>
        </row>
        <row r="5">
          <cell r="A5" t="str">
            <v>SN490C</v>
          </cell>
        </row>
        <row r="6">
          <cell r="A6" t="str">
            <v>STKR400</v>
          </cell>
        </row>
        <row r="7">
          <cell r="A7" t="str">
            <v>STK400</v>
          </cell>
        </row>
        <row r="8">
          <cell r="A8" t="str">
            <v>BCR295</v>
          </cell>
        </row>
        <row r="9">
          <cell r="A9" t="str">
            <v>SSC400</v>
          </cell>
        </row>
      </sheetData>
    </sheetDataSet>
  </externalBook>
</externalLink>
</file>

<file path=xl/externalLinks/externalLink7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s>
    <sheetDataSet>
      <sheetData sheetId="0"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Sheet2"/>
      <sheetName val="Sheet3"/>
    </sheetNames>
    <sheetDataSet>
      <sheetData sheetId="0" refreshError="1"/>
      <sheetData sheetId="1"/>
      <sheetData sheetId="2"/>
    </sheetDataSet>
  </externalBook>
</externalLink>
</file>

<file path=xl/externalLinks/externalLink8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目次"/>
      <sheetName val="1"/>
      <sheetName val="2"/>
      <sheetName val="3"/>
      <sheetName val="4"/>
      <sheetName val="5"/>
      <sheetName val="6"/>
      <sheetName val="7"/>
      <sheetName val="8"/>
      <sheetName val="9"/>
      <sheetName val="10"/>
      <sheetName val="11"/>
      <sheetName val="12"/>
      <sheetName val="13"/>
    </sheetNames>
    <sheetDataSet>
      <sheetData sheetId="0">
        <row r="2">
          <cell r="B2" t="str">
            <v>H13.5版</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8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8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表"/>
      <sheetName val="内訳一覧表"/>
      <sheetName val="設計書"/>
      <sheetName val="１～10号明細書"/>
      <sheetName val="１～10号明細書金抜き"/>
      <sheetName val="Sheet1"/>
      <sheetName val="Sheet2"/>
    </sheetNames>
    <sheetDataSet>
      <sheetData sheetId="0"/>
      <sheetData sheetId="1"/>
      <sheetData sheetId="2">
        <row r="65">
          <cell r="AN65" t="str">
            <v xml:space="preserve"> 平成  １４年度</v>
          </cell>
          <cell r="AO65" t="str">
            <v>第　  　号</v>
          </cell>
          <cell r="AQ65" t="str">
            <v>工　事　設　計　書</v>
          </cell>
          <cell r="AT65" t="str">
            <v xml:space="preserve"> 四 　日 　市 　市</v>
          </cell>
        </row>
        <row r="67">
          <cell r="AN67" t="str">
            <v xml:space="preserve"> 排 水 区 名</v>
          </cell>
          <cell r="AU67" t="str">
            <v xml:space="preserve"> </v>
          </cell>
        </row>
        <row r="68">
          <cell r="AS68" t="str">
            <v xml:space="preserve">   審査　 　 　　年 　  　　　月　   　 　日</v>
          </cell>
        </row>
        <row r="69">
          <cell r="AN69" t="str">
            <v xml:space="preserve"> 施 工 地 名</v>
          </cell>
          <cell r="AP69" t="str">
            <v>四日市市　寿町　地内</v>
          </cell>
          <cell r="AS69" t="str">
            <v>課長</v>
          </cell>
          <cell r="AU69" t="str">
            <v>副参事</v>
          </cell>
          <cell r="AW69" t="str">
            <v>係長</v>
          </cell>
        </row>
        <row r="71">
          <cell r="AN71" t="str">
            <v xml:space="preserve"> 工 　　　種</v>
          </cell>
          <cell r="AP71" t="str">
            <v>日永浄化ｾﾝﾀｰ監視制御装置改修工事</v>
          </cell>
          <cell r="AS71" t="str">
            <v>場長</v>
          </cell>
          <cell r="AU71" t="str">
            <v>課長</v>
          </cell>
          <cell r="AW71" t="str">
            <v>主幹</v>
          </cell>
        </row>
        <row r="72">
          <cell r="AU72" t="str">
            <v>補佐</v>
          </cell>
        </row>
        <row r="73">
          <cell r="AN73" t="str">
            <v xml:space="preserve"> 工　   　費</v>
          </cell>
          <cell r="AP73" t="str">
            <v>　　一金</v>
          </cell>
          <cell r="AR73" t="str">
            <v>円也</v>
          </cell>
          <cell r="AS73" t="str">
            <v xml:space="preserve"> 　設計 　  　　年   　 　　　月    　　　日</v>
          </cell>
        </row>
        <row r="74">
          <cell r="AS74" t="str">
            <v>設計</v>
          </cell>
          <cell r="AV74" t="str">
            <v>検  算</v>
          </cell>
        </row>
        <row r="75">
          <cell r="AN75" t="str">
            <v xml:space="preserve"> 工　   　期</v>
          </cell>
          <cell r="AP75" t="str">
            <v>契約の日より　平成　１４年　２月　２０日　　限り</v>
          </cell>
        </row>
        <row r="76">
          <cell r="AN76" t="str">
            <v>　　　　　　　工　　事　　ノ　　大　　要</v>
          </cell>
          <cell r="AR76" t="str">
            <v>　　　　  　　起  　　工  　　理  　　由</v>
          </cell>
        </row>
        <row r="77">
          <cell r="AN77" t="str">
            <v/>
          </cell>
          <cell r="AQ77">
            <v>0</v>
          </cell>
        </row>
        <row r="78">
          <cell r="AN78" t="str">
            <v/>
          </cell>
          <cell r="AQ78">
            <v>0</v>
          </cell>
        </row>
        <row r="79">
          <cell r="AN79" t="str">
            <v/>
          </cell>
          <cell r="AQ79">
            <v>0</v>
          </cell>
        </row>
        <row r="80">
          <cell r="AN80" t="str">
            <v/>
          </cell>
        </row>
        <row r="81">
          <cell r="AN81" t="str">
            <v/>
          </cell>
        </row>
        <row r="82">
          <cell r="AN82" t="str">
            <v/>
          </cell>
        </row>
        <row r="83">
          <cell r="AN83" t="str">
            <v/>
          </cell>
        </row>
        <row r="84">
          <cell r="AN84" t="str">
            <v/>
          </cell>
          <cell r="AR84" t="str">
            <v/>
          </cell>
        </row>
        <row r="85">
          <cell r="AN85" t="str">
            <v/>
          </cell>
          <cell r="AR85" t="str">
            <v/>
          </cell>
        </row>
        <row r="86">
          <cell r="AN86" t="str">
            <v>　　設    計    書    用    紙</v>
          </cell>
          <cell r="AU86" t="str">
            <v>四    日    市    市</v>
          </cell>
        </row>
      </sheetData>
      <sheetData sheetId="3"/>
      <sheetData sheetId="4"/>
      <sheetData sheetId="5"/>
      <sheetData sheetId="6"/>
    </sheetDataSet>
  </externalBook>
</externalLink>
</file>

<file path=xl/externalLinks/externalLink8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決議書　１枚目"/>
      <sheetName val="決議書　２枚目"/>
      <sheetName val="推薦理由書"/>
      <sheetName val="一位代価"/>
      <sheetName val="予定価格内訳"/>
      <sheetName val="工事総括"/>
      <sheetName val="内訳表紙"/>
      <sheetName val="特定材料"/>
      <sheetName val="工程"/>
      <sheetName val="標識別内訳"/>
      <sheetName val="公開様式"/>
      <sheetName val="再使用品"/>
      <sheetName val="廃棄機器"/>
      <sheetName val="技術者算出"/>
      <sheetName val="ｹｰﾌﾞﾙｺﾈｸﾀ"/>
      <sheetName val="積算根拠"/>
    </sheetNames>
    <sheetDataSet>
      <sheetData sheetId="0" refreshError="1"/>
      <sheetData sheetId="1" refreshError="1"/>
      <sheetData sheetId="2" refreshError="1"/>
      <sheetData sheetId="3"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移動体通信式灯台監視装置</v>
          </cell>
          <cell r="C2" t="str">
            <v>取付</v>
          </cell>
          <cell r="D2" t="str">
            <v>MS95</v>
          </cell>
          <cell r="E2" t="str">
            <v>式</v>
          </cell>
          <cell r="F2">
            <v>1</v>
          </cell>
          <cell r="H2">
            <v>18809.8</v>
          </cell>
          <cell r="I2" t="str">
            <v>海電 P2-30</v>
          </cell>
          <cell r="S2">
            <v>1</v>
          </cell>
          <cell r="T2">
            <v>1</v>
          </cell>
        </row>
        <row r="3">
          <cell r="C3" t="str">
            <v>ホーク・アンカーボルト</v>
          </cell>
          <cell r="D3" t="str">
            <v>SUS B1070</v>
          </cell>
          <cell r="E3" t="str">
            <v>本</v>
          </cell>
          <cell r="F3">
            <v>4</v>
          </cell>
          <cell r="G3">
            <v>265</v>
          </cell>
          <cell r="H3">
            <v>1060</v>
          </cell>
          <cell r="I3" t="str">
            <v>物 P45</v>
          </cell>
        </row>
        <row r="4">
          <cell r="C4" t="str">
            <v>電工</v>
          </cell>
          <cell r="E4" t="str">
            <v>人</v>
          </cell>
          <cell r="F4">
            <v>0.6</v>
          </cell>
          <cell r="G4">
            <v>17400</v>
          </cell>
          <cell r="H4">
            <v>10440</v>
          </cell>
          <cell r="I4" t="str">
            <v>三重県</v>
          </cell>
        </row>
        <row r="5">
          <cell r="C5" t="str">
            <v>普通作業員</v>
          </cell>
          <cell r="E5" t="str">
            <v>人</v>
          </cell>
          <cell r="F5">
            <v>0.3</v>
          </cell>
          <cell r="G5">
            <v>17100</v>
          </cell>
          <cell r="H5">
            <v>5130</v>
          </cell>
          <cell r="I5" t="str">
            <v>三重県</v>
          </cell>
        </row>
        <row r="6">
          <cell r="C6" t="str">
            <v>その他</v>
          </cell>
          <cell r="D6" t="str">
            <v>（労）×１４％</v>
          </cell>
          <cell r="E6" t="str">
            <v>式</v>
          </cell>
          <cell r="F6">
            <v>1</v>
          </cell>
          <cell r="H6">
            <v>2179.8000000000002</v>
          </cell>
          <cell r="I6">
            <v>15570</v>
          </cell>
          <cell r="K6" t="str">
            <v>×</v>
          </cell>
          <cell r="L6">
            <v>0.14000000000000001</v>
          </cell>
        </row>
        <row r="8">
          <cell r="A8">
            <v>2</v>
          </cell>
          <cell r="B8" t="str">
            <v>保護端子函ＳＰＴ－ＢＯＸ</v>
          </cell>
          <cell r="C8" t="str">
            <v>取付</v>
          </cell>
          <cell r="D8" t="str">
            <v>移動体８項目用（制御有）</v>
          </cell>
          <cell r="E8" t="str">
            <v>式</v>
          </cell>
          <cell r="F8">
            <v>1</v>
          </cell>
          <cell r="H8">
            <v>131430</v>
          </cell>
          <cell r="T8">
            <v>1</v>
          </cell>
        </row>
        <row r="9">
          <cell r="C9" t="str">
            <v>保護端子函ＳＰＴ－ＢＯＸ</v>
          </cell>
          <cell r="D9" t="str">
            <v>移動体８項目用（制御有）</v>
          </cell>
          <cell r="E9" t="str">
            <v>個</v>
          </cell>
          <cell r="F9">
            <v>1</v>
          </cell>
          <cell r="H9">
            <v>121000</v>
          </cell>
          <cell r="I9" t="str">
            <v>市価</v>
          </cell>
          <cell r="R9" t="str">
            <v>特定材料A</v>
          </cell>
        </row>
        <row r="10">
          <cell r="C10" t="str">
            <v>ﾎｰｸｽﾄﾗｲｸｱﾝｶｰﾎﾞﾙﾄ</v>
          </cell>
          <cell r="D10" t="str">
            <v>SUS304 M6×45</v>
          </cell>
          <cell r="E10" t="str">
            <v>本</v>
          </cell>
          <cell r="F10">
            <v>4</v>
          </cell>
          <cell r="G10">
            <v>128</v>
          </cell>
          <cell r="H10">
            <v>512</v>
          </cell>
          <cell r="I10" t="str">
            <v>物 P46</v>
          </cell>
        </row>
        <row r="11">
          <cell r="C11" t="str">
            <v>電工</v>
          </cell>
          <cell r="E11" t="str">
            <v>人</v>
          </cell>
          <cell r="F11">
            <v>0.5</v>
          </cell>
          <cell r="G11">
            <v>17400</v>
          </cell>
          <cell r="H11">
            <v>8700</v>
          </cell>
          <cell r="I11" t="str">
            <v>三重県</v>
          </cell>
        </row>
        <row r="12">
          <cell r="C12" t="str">
            <v>その他</v>
          </cell>
          <cell r="D12" t="str">
            <v>（労）×１４％</v>
          </cell>
          <cell r="E12" t="str">
            <v>式</v>
          </cell>
          <cell r="F12">
            <v>1</v>
          </cell>
          <cell r="H12">
            <v>1218</v>
          </cell>
          <cell r="I12">
            <v>8700</v>
          </cell>
          <cell r="K12" t="str">
            <v>×</v>
          </cell>
          <cell r="L12">
            <v>0.14000000000000001</v>
          </cell>
        </row>
        <row r="14">
          <cell r="A14">
            <v>3</v>
          </cell>
          <cell r="B14" t="str">
            <v>電線管</v>
          </cell>
          <cell r="C14" t="str">
            <v>VE28</v>
          </cell>
          <cell r="D14" t="str">
            <v>露出配管</v>
          </cell>
          <cell r="E14" t="str">
            <v>ｍ</v>
          </cell>
          <cell r="F14">
            <v>1</v>
          </cell>
          <cell r="H14">
            <v>1745.2599999999998</v>
          </cell>
          <cell r="I14" t="str">
            <v>建 P578</v>
          </cell>
        </row>
        <row r="15">
          <cell r="C15" t="str">
            <v>電線管</v>
          </cell>
          <cell r="D15" t="str">
            <v>VE28</v>
          </cell>
          <cell r="E15" t="str">
            <v>ｍ</v>
          </cell>
          <cell r="F15">
            <v>1.1000000000000001</v>
          </cell>
          <cell r="G15">
            <v>130</v>
          </cell>
          <cell r="H15">
            <v>143</v>
          </cell>
          <cell r="I15" t="str">
            <v>積 P519 中部</v>
          </cell>
          <cell r="L15">
            <v>520</v>
          </cell>
          <cell r="M15" t="str">
            <v>÷</v>
          </cell>
          <cell r="N15">
            <v>4</v>
          </cell>
        </row>
        <row r="16">
          <cell r="C16" t="str">
            <v>付属品</v>
          </cell>
          <cell r="D16" t="str">
            <v>電線管×３０％</v>
          </cell>
          <cell r="E16" t="str">
            <v>式</v>
          </cell>
          <cell r="F16">
            <v>1</v>
          </cell>
          <cell r="H16">
            <v>39</v>
          </cell>
          <cell r="I16">
            <v>130</v>
          </cell>
          <cell r="K16" t="str">
            <v>×</v>
          </cell>
          <cell r="L16">
            <v>0.3</v>
          </cell>
        </row>
        <row r="17">
          <cell r="C17" t="str">
            <v>雑材料</v>
          </cell>
          <cell r="D17" t="str">
            <v>（材）×５％</v>
          </cell>
          <cell r="E17" t="str">
            <v>式</v>
          </cell>
          <cell r="F17">
            <v>1</v>
          </cell>
          <cell r="H17">
            <v>9.1</v>
          </cell>
          <cell r="I17">
            <v>182</v>
          </cell>
          <cell r="K17" t="str">
            <v>×</v>
          </cell>
          <cell r="L17">
            <v>0.05</v>
          </cell>
        </row>
        <row r="18">
          <cell r="C18" t="str">
            <v>電工</v>
          </cell>
          <cell r="E18" t="str">
            <v>人</v>
          </cell>
          <cell r="F18">
            <v>7.6999999999999999E-2</v>
          </cell>
          <cell r="G18">
            <v>17400</v>
          </cell>
          <cell r="H18">
            <v>1339.8</v>
          </cell>
          <cell r="I18" t="str">
            <v>三重県</v>
          </cell>
          <cell r="J18">
            <v>6.4000000000000001E-2</v>
          </cell>
          <cell r="K18" t="str">
            <v>×</v>
          </cell>
          <cell r="L18">
            <v>1.2</v>
          </cell>
          <cell r="T18">
            <v>6</v>
          </cell>
        </row>
        <row r="19">
          <cell r="C19" t="str">
            <v>その他</v>
          </cell>
          <cell r="D19" t="str">
            <v>（労）×１６％</v>
          </cell>
          <cell r="E19" t="str">
            <v>式</v>
          </cell>
          <cell r="F19">
            <v>1</v>
          </cell>
          <cell r="H19">
            <v>214.36</v>
          </cell>
          <cell r="I19">
            <v>1339.8</v>
          </cell>
          <cell r="K19" t="str">
            <v>×</v>
          </cell>
          <cell r="L19">
            <v>0.16</v>
          </cell>
        </row>
        <row r="23">
          <cell r="A23">
            <v>4</v>
          </cell>
          <cell r="B23" t="str">
            <v>電線管</v>
          </cell>
          <cell r="C23" t="str">
            <v>VE22</v>
          </cell>
          <cell r="D23" t="str">
            <v>露出配管</v>
          </cell>
          <cell r="E23" t="str">
            <v>ｍ</v>
          </cell>
          <cell r="F23">
            <v>1</v>
          </cell>
          <cell r="H23">
            <v>1407.51</v>
          </cell>
          <cell r="I23" t="str">
            <v>建 P578</v>
          </cell>
        </row>
        <row r="24">
          <cell r="C24" t="str">
            <v>電線管</v>
          </cell>
          <cell r="D24" t="str">
            <v>VE22</v>
          </cell>
          <cell r="E24" t="str">
            <v>ｍ</v>
          </cell>
          <cell r="F24">
            <v>1.1000000000000001</v>
          </cell>
          <cell r="G24">
            <v>65</v>
          </cell>
          <cell r="H24">
            <v>71.5</v>
          </cell>
          <cell r="I24" t="str">
            <v>積 P519 中部</v>
          </cell>
          <cell r="L24">
            <v>260</v>
          </cell>
          <cell r="M24" t="str">
            <v>÷</v>
          </cell>
          <cell r="N24">
            <v>4</v>
          </cell>
        </row>
        <row r="25">
          <cell r="C25" t="str">
            <v>付属品</v>
          </cell>
          <cell r="D25" t="str">
            <v>電線管×３０％</v>
          </cell>
          <cell r="E25" t="str">
            <v>式</v>
          </cell>
          <cell r="F25">
            <v>1</v>
          </cell>
          <cell r="H25">
            <v>19.5</v>
          </cell>
          <cell r="I25">
            <v>65</v>
          </cell>
          <cell r="K25" t="str">
            <v>×</v>
          </cell>
          <cell r="L25">
            <v>0.3</v>
          </cell>
        </row>
        <row r="26">
          <cell r="C26" t="str">
            <v>雑材料</v>
          </cell>
          <cell r="D26" t="str">
            <v>（材）×５％</v>
          </cell>
          <cell r="E26" t="str">
            <v>式</v>
          </cell>
          <cell r="F26">
            <v>1</v>
          </cell>
          <cell r="H26">
            <v>4.55</v>
          </cell>
          <cell r="I26">
            <v>91</v>
          </cell>
          <cell r="K26" t="str">
            <v>×</v>
          </cell>
          <cell r="L26">
            <v>0.05</v>
          </cell>
        </row>
        <row r="27">
          <cell r="C27" t="str">
            <v>電工</v>
          </cell>
          <cell r="E27" t="str">
            <v>人</v>
          </cell>
          <cell r="F27">
            <v>6.5000000000000002E-2</v>
          </cell>
          <cell r="G27">
            <v>17400</v>
          </cell>
          <cell r="H27">
            <v>1131</v>
          </cell>
          <cell r="I27" t="str">
            <v>三重県</v>
          </cell>
          <cell r="J27">
            <v>5.3999999999999999E-2</v>
          </cell>
          <cell r="K27" t="str">
            <v>×</v>
          </cell>
          <cell r="L27">
            <v>1.2</v>
          </cell>
          <cell r="T27">
            <v>6</v>
          </cell>
        </row>
        <row r="28">
          <cell r="C28" t="str">
            <v>その他</v>
          </cell>
          <cell r="D28" t="str">
            <v>（労）×１６％</v>
          </cell>
          <cell r="E28" t="str">
            <v>式</v>
          </cell>
          <cell r="F28">
            <v>1</v>
          </cell>
          <cell r="H28">
            <v>180.96</v>
          </cell>
          <cell r="I28">
            <v>1131</v>
          </cell>
          <cell r="K28" t="str">
            <v>×</v>
          </cell>
          <cell r="L28">
            <v>0.16</v>
          </cell>
        </row>
        <row r="30">
          <cell r="A30">
            <v>5</v>
          </cell>
          <cell r="B30" t="str">
            <v>電線管</v>
          </cell>
          <cell r="C30" t="str">
            <v>VE16</v>
          </cell>
          <cell r="D30" t="str">
            <v>露出配管</v>
          </cell>
          <cell r="E30" t="str">
            <v>ｍ</v>
          </cell>
          <cell r="F30">
            <v>1</v>
          </cell>
          <cell r="H30">
            <v>1154.27</v>
          </cell>
          <cell r="I30" t="str">
            <v>建 P578</v>
          </cell>
        </row>
        <row r="31">
          <cell r="C31" t="str">
            <v>電線管</v>
          </cell>
          <cell r="D31" t="str">
            <v>VE16</v>
          </cell>
          <cell r="E31" t="str">
            <v>ｍ</v>
          </cell>
          <cell r="F31">
            <v>1.1000000000000001</v>
          </cell>
          <cell r="G31">
            <v>57.5</v>
          </cell>
          <cell r="H31">
            <v>63.25</v>
          </cell>
          <cell r="I31" t="str">
            <v>積 P519 中部</v>
          </cell>
          <cell r="L31">
            <v>230</v>
          </cell>
          <cell r="M31" t="str">
            <v>÷</v>
          </cell>
          <cell r="N31">
            <v>4</v>
          </cell>
        </row>
        <row r="32">
          <cell r="C32" t="str">
            <v>付属品</v>
          </cell>
          <cell r="D32" t="str">
            <v>電線管×３０％</v>
          </cell>
          <cell r="E32" t="str">
            <v>式</v>
          </cell>
          <cell r="F32">
            <v>1</v>
          </cell>
          <cell r="H32">
            <v>17.25</v>
          </cell>
          <cell r="I32">
            <v>57.5</v>
          </cell>
          <cell r="K32" t="str">
            <v>×</v>
          </cell>
          <cell r="L32">
            <v>0.3</v>
          </cell>
        </row>
        <row r="33">
          <cell r="C33" t="str">
            <v>雑材料</v>
          </cell>
          <cell r="D33" t="str">
            <v>（材）×５％</v>
          </cell>
          <cell r="E33" t="str">
            <v>式</v>
          </cell>
          <cell r="F33">
            <v>1</v>
          </cell>
          <cell r="H33">
            <v>4.0199999999999996</v>
          </cell>
          <cell r="I33">
            <v>80.5</v>
          </cell>
          <cell r="K33" t="str">
            <v>×</v>
          </cell>
          <cell r="L33">
            <v>0.05</v>
          </cell>
        </row>
        <row r="34">
          <cell r="C34" t="str">
            <v>電工</v>
          </cell>
          <cell r="E34" t="str">
            <v>人</v>
          </cell>
          <cell r="F34">
            <v>5.2999999999999999E-2</v>
          </cell>
          <cell r="G34">
            <v>17400</v>
          </cell>
          <cell r="H34">
            <v>922.2</v>
          </cell>
          <cell r="I34" t="str">
            <v>三重県</v>
          </cell>
          <cell r="J34">
            <v>4.3999999999999997E-2</v>
          </cell>
          <cell r="K34" t="str">
            <v>×</v>
          </cell>
          <cell r="L34">
            <v>1.2</v>
          </cell>
          <cell r="T34">
            <v>6</v>
          </cell>
        </row>
        <row r="35">
          <cell r="C35" t="str">
            <v>その他</v>
          </cell>
          <cell r="D35" t="str">
            <v>（労）×１６％</v>
          </cell>
          <cell r="E35" t="str">
            <v>式</v>
          </cell>
          <cell r="F35">
            <v>1</v>
          </cell>
          <cell r="H35">
            <v>147.55000000000001</v>
          </cell>
          <cell r="I35">
            <v>922.2</v>
          </cell>
          <cell r="K35" t="str">
            <v>×</v>
          </cell>
          <cell r="L35">
            <v>0.16</v>
          </cell>
        </row>
        <row r="37">
          <cell r="A37">
            <v>6</v>
          </cell>
          <cell r="B37" t="str">
            <v>配線</v>
          </cell>
          <cell r="C37" t="str">
            <v>VVR5.5sq×2C</v>
          </cell>
          <cell r="D37" t="str">
            <v>管内（VE）</v>
          </cell>
          <cell r="E37" t="str">
            <v>ｍ</v>
          </cell>
          <cell r="F37">
            <v>1</v>
          </cell>
          <cell r="H37">
            <v>540.51</v>
          </cell>
          <cell r="I37" t="str">
            <v>建 P206</v>
          </cell>
        </row>
        <row r="38">
          <cell r="C38" t="str">
            <v>電線</v>
          </cell>
          <cell r="D38" t="str">
            <v>VVR5.5sq×2C</v>
          </cell>
          <cell r="E38" t="str">
            <v>ｍ</v>
          </cell>
          <cell r="F38">
            <v>1.1000000000000001</v>
          </cell>
          <cell r="G38">
            <v>101</v>
          </cell>
          <cell r="H38">
            <v>111.1</v>
          </cell>
          <cell r="I38" t="str">
            <v>物 P468 四日市</v>
          </cell>
        </row>
        <row r="39">
          <cell r="C39" t="str">
            <v>雑材料</v>
          </cell>
          <cell r="D39" t="str">
            <v>（材）×５％</v>
          </cell>
          <cell r="E39" t="str">
            <v>式</v>
          </cell>
          <cell r="F39">
            <v>1</v>
          </cell>
          <cell r="H39">
            <v>5.55</v>
          </cell>
          <cell r="I39">
            <v>111.1</v>
          </cell>
          <cell r="K39" t="str">
            <v>×</v>
          </cell>
          <cell r="L39">
            <v>0.05</v>
          </cell>
        </row>
        <row r="40">
          <cell r="C40" t="str">
            <v>電工</v>
          </cell>
          <cell r="E40" t="str">
            <v>人</v>
          </cell>
          <cell r="F40">
            <v>2.1000000000000001E-2</v>
          </cell>
          <cell r="G40">
            <v>17400</v>
          </cell>
          <cell r="H40">
            <v>365.4</v>
          </cell>
          <cell r="I40" t="str">
            <v>三重県</v>
          </cell>
          <cell r="T40">
            <v>6</v>
          </cell>
        </row>
        <row r="41">
          <cell r="C41" t="str">
            <v>その他</v>
          </cell>
          <cell r="D41" t="str">
            <v>（労）×１６％</v>
          </cell>
          <cell r="E41" t="str">
            <v>式</v>
          </cell>
          <cell r="F41">
            <v>1</v>
          </cell>
          <cell r="H41">
            <v>58.46</v>
          </cell>
          <cell r="I41">
            <v>365.4</v>
          </cell>
          <cell r="K41" t="str">
            <v>×</v>
          </cell>
          <cell r="L41">
            <v>0.16</v>
          </cell>
        </row>
        <row r="44">
          <cell r="A44">
            <v>7</v>
          </cell>
          <cell r="B44" t="str">
            <v>配線</v>
          </cell>
          <cell r="C44" t="str">
            <v>VVR5.5sq×2C</v>
          </cell>
          <cell r="D44" t="str">
            <v>ﾋﾟｯﾄ内</v>
          </cell>
          <cell r="E44" t="str">
            <v>ｍ</v>
          </cell>
          <cell r="F44">
            <v>1</v>
          </cell>
          <cell r="H44">
            <v>459.77</v>
          </cell>
          <cell r="I44" t="str">
            <v>建 P206</v>
          </cell>
        </row>
        <row r="45">
          <cell r="C45" t="str">
            <v>電線</v>
          </cell>
          <cell r="D45" t="str">
            <v>VVR5.5sq×2C</v>
          </cell>
          <cell r="E45" t="str">
            <v>ｍ</v>
          </cell>
          <cell r="F45">
            <v>1.1000000000000001</v>
          </cell>
          <cell r="G45">
            <v>101</v>
          </cell>
          <cell r="H45">
            <v>111.1</v>
          </cell>
          <cell r="I45" t="str">
            <v>物 P468 四日市</v>
          </cell>
        </row>
        <row r="46">
          <cell r="C46" t="str">
            <v>雑材料</v>
          </cell>
          <cell r="D46" t="str">
            <v>（材）×５％</v>
          </cell>
          <cell r="E46" t="str">
            <v>式</v>
          </cell>
          <cell r="F46">
            <v>1</v>
          </cell>
          <cell r="H46">
            <v>5.55</v>
          </cell>
          <cell r="I46">
            <v>111.1</v>
          </cell>
          <cell r="K46" t="str">
            <v>×</v>
          </cell>
          <cell r="L46">
            <v>0.05</v>
          </cell>
        </row>
        <row r="47">
          <cell r="C47" t="str">
            <v>電工</v>
          </cell>
          <cell r="E47" t="str">
            <v>人</v>
          </cell>
          <cell r="F47">
            <v>1.7000000000000001E-2</v>
          </cell>
          <cell r="G47">
            <v>17400</v>
          </cell>
          <cell r="H47">
            <v>295.8</v>
          </cell>
          <cell r="I47" t="str">
            <v>三重県</v>
          </cell>
          <cell r="J47">
            <v>2.1000000000000001E-2</v>
          </cell>
          <cell r="K47" t="str">
            <v>×</v>
          </cell>
          <cell r="L47">
            <v>0.8</v>
          </cell>
          <cell r="T47">
            <v>6</v>
          </cell>
        </row>
        <row r="48">
          <cell r="C48" t="str">
            <v>その他</v>
          </cell>
          <cell r="D48" t="str">
            <v>（労）×１６％</v>
          </cell>
          <cell r="E48" t="str">
            <v>式</v>
          </cell>
          <cell r="F48">
            <v>1</v>
          </cell>
          <cell r="H48">
            <v>47.32</v>
          </cell>
          <cell r="I48">
            <v>295.8</v>
          </cell>
          <cell r="K48" t="str">
            <v>×</v>
          </cell>
          <cell r="L48">
            <v>0.16</v>
          </cell>
        </row>
        <row r="50">
          <cell r="A50">
            <v>8</v>
          </cell>
          <cell r="B50" t="str">
            <v>配線</v>
          </cell>
          <cell r="C50" t="str">
            <v>CVV1.25sq×4C</v>
          </cell>
          <cell r="D50" t="str">
            <v>管内（VE）</v>
          </cell>
          <cell r="E50" t="str">
            <v>ｍ</v>
          </cell>
          <cell r="F50">
            <v>1</v>
          </cell>
          <cell r="H50">
            <v>464.38</v>
          </cell>
          <cell r="I50" t="str">
            <v>建 P209</v>
          </cell>
          <cell r="T50">
            <v>10</v>
          </cell>
        </row>
        <row r="51">
          <cell r="C51" t="str">
            <v>電線</v>
          </cell>
          <cell r="D51" t="str">
            <v>CVV1.25sq×4C</v>
          </cell>
          <cell r="E51" t="str">
            <v>ｍ</v>
          </cell>
          <cell r="F51">
            <v>1.1000000000000001</v>
          </cell>
          <cell r="G51">
            <v>71.400000000000006</v>
          </cell>
          <cell r="H51">
            <v>78.540000000000006</v>
          </cell>
          <cell r="I51" t="str">
            <v>物 P476名古屋</v>
          </cell>
        </row>
        <row r="52">
          <cell r="C52" t="str">
            <v>雑材料</v>
          </cell>
          <cell r="D52" t="str">
            <v>（材）×３％</v>
          </cell>
          <cell r="E52" t="str">
            <v>式</v>
          </cell>
          <cell r="F52">
            <v>1</v>
          </cell>
          <cell r="H52">
            <v>2.35</v>
          </cell>
          <cell r="I52">
            <v>78.540000000000006</v>
          </cell>
          <cell r="K52" t="str">
            <v>×</v>
          </cell>
          <cell r="L52">
            <v>0.03</v>
          </cell>
        </row>
        <row r="53">
          <cell r="C53" t="str">
            <v>電工</v>
          </cell>
          <cell r="E53" t="str">
            <v>人</v>
          </cell>
          <cell r="F53">
            <v>1.9E-2</v>
          </cell>
          <cell r="G53">
            <v>17400</v>
          </cell>
          <cell r="H53">
            <v>330.6</v>
          </cell>
          <cell r="I53" t="str">
            <v>三重県</v>
          </cell>
        </row>
        <row r="54">
          <cell r="C54" t="str">
            <v>その他</v>
          </cell>
          <cell r="D54" t="str">
            <v>（労）×１６％</v>
          </cell>
          <cell r="E54" t="str">
            <v>式</v>
          </cell>
          <cell r="F54">
            <v>1</v>
          </cell>
          <cell r="H54">
            <v>52.89</v>
          </cell>
          <cell r="I54">
            <v>330.6</v>
          </cell>
          <cell r="K54" t="str">
            <v>×</v>
          </cell>
          <cell r="L54">
            <v>0.16</v>
          </cell>
        </row>
        <row r="56">
          <cell r="A56">
            <v>9</v>
          </cell>
          <cell r="B56" t="str">
            <v>配線</v>
          </cell>
          <cell r="C56" t="str">
            <v>CVV1.25sq×10C</v>
          </cell>
          <cell r="D56" t="str">
            <v>管内（VE）</v>
          </cell>
          <cell r="E56" t="str">
            <v>ｍ</v>
          </cell>
          <cell r="F56">
            <v>1</v>
          </cell>
          <cell r="H56">
            <v>916.75</v>
          </cell>
          <cell r="I56" t="str">
            <v>建 P209</v>
          </cell>
          <cell r="T56">
            <v>10</v>
          </cell>
        </row>
        <row r="57">
          <cell r="C57" t="str">
            <v>電線</v>
          </cell>
          <cell r="D57" t="str">
            <v>CVV1.25sq×10C</v>
          </cell>
          <cell r="E57" t="str">
            <v>ｍ</v>
          </cell>
          <cell r="F57">
            <v>1.1000000000000001</v>
          </cell>
          <cell r="G57">
            <v>150</v>
          </cell>
          <cell r="H57">
            <v>165</v>
          </cell>
          <cell r="I57" t="str">
            <v>物 P476名古屋</v>
          </cell>
        </row>
        <row r="58">
          <cell r="C58" t="str">
            <v>雑材料</v>
          </cell>
          <cell r="D58" t="str">
            <v>（材）×３％</v>
          </cell>
          <cell r="E58" t="str">
            <v>式</v>
          </cell>
          <cell r="F58">
            <v>1</v>
          </cell>
          <cell r="H58">
            <v>4.95</v>
          </cell>
          <cell r="I58">
            <v>165</v>
          </cell>
          <cell r="K58" t="str">
            <v>×</v>
          </cell>
          <cell r="L58">
            <v>0.03</v>
          </cell>
        </row>
        <row r="59">
          <cell r="C59" t="str">
            <v>電工</v>
          </cell>
          <cell r="E59" t="str">
            <v>人</v>
          </cell>
          <cell r="F59">
            <v>3.6999999999999998E-2</v>
          </cell>
          <cell r="G59">
            <v>17400</v>
          </cell>
          <cell r="H59">
            <v>643.79999999999995</v>
          </cell>
          <cell r="I59" t="str">
            <v>三重県</v>
          </cell>
        </row>
        <row r="60">
          <cell r="C60" t="str">
            <v>その他</v>
          </cell>
          <cell r="D60" t="str">
            <v>（労）×１６％</v>
          </cell>
          <cell r="E60" t="str">
            <v>式</v>
          </cell>
          <cell r="F60">
            <v>1</v>
          </cell>
          <cell r="H60">
            <v>103</v>
          </cell>
          <cell r="I60">
            <v>643.79999999999995</v>
          </cell>
          <cell r="K60" t="str">
            <v>×</v>
          </cell>
          <cell r="L60">
            <v>0.16</v>
          </cell>
        </row>
        <row r="65">
          <cell r="A65">
            <v>10</v>
          </cell>
          <cell r="B65" t="str">
            <v>配線</v>
          </cell>
          <cell r="C65" t="str">
            <v>CVV1.25sq×4C</v>
          </cell>
          <cell r="D65" t="str">
            <v>ﾋﾟｯﾄ内</v>
          </cell>
          <cell r="E65" t="str">
            <v>ｍ</v>
          </cell>
          <cell r="F65">
            <v>1</v>
          </cell>
          <cell r="H65">
            <v>383.65</v>
          </cell>
          <cell r="I65" t="str">
            <v>建 P209</v>
          </cell>
          <cell r="T65">
            <v>10</v>
          </cell>
        </row>
        <row r="66">
          <cell r="C66" t="str">
            <v>電線</v>
          </cell>
          <cell r="D66" t="str">
            <v>CVV1.25sq×4C</v>
          </cell>
          <cell r="E66" t="str">
            <v>ｍ</v>
          </cell>
          <cell r="F66">
            <v>1.1000000000000001</v>
          </cell>
          <cell r="G66">
            <v>71.400000000000006</v>
          </cell>
          <cell r="H66">
            <v>78.540000000000006</v>
          </cell>
          <cell r="I66" t="str">
            <v>物 P476名古屋</v>
          </cell>
        </row>
        <row r="67">
          <cell r="C67" t="str">
            <v>雑材料</v>
          </cell>
          <cell r="D67" t="str">
            <v>（材）×３％</v>
          </cell>
          <cell r="E67" t="str">
            <v>式</v>
          </cell>
          <cell r="F67">
            <v>1</v>
          </cell>
          <cell r="H67">
            <v>2.35</v>
          </cell>
          <cell r="I67">
            <v>78.540000000000006</v>
          </cell>
          <cell r="K67" t="str">
            <v>×</v>
          </cell>
          <cell r="L67">
            <v>0.03</v>
          </cell>
        </row>
        <row r="68">
          <cell r="C68" t="str">
            <v>電工</v>
          </cell>
          <cell r="E68" t="str">
            <v>人</v>
          </cell>
          <cell r="F68">
            <v>1.4999999999999999E-2</v>
          </cell>
          <cell r="G68">
            <v>17400</v>
          </cell>
          <cell r="H68">
            <v>261</v>
          </cell>
          <cell r="I68" t="str">
            <v>三重県</v>
          </cell>
          <cell r="J68">
            <v>1.9E-2</v>
          </cell>
          <cell r="K68" t="str">
            <v>×</v>
          </cell>
          <cell r="L68">
            <v>0.8</v>
          </cell>
        </row>
        <row r="69">
          <cell r="C69" t="str">
            <v>その他</v>
          </cell>
          <cell r="D69" t="str">
            <v>（労）×１６％</v>
          </cell>
          <cell r="E69" t="str">
            <v>式</v>
          </cell>
          <cell r="F69">
            <v>1</v>
          </cell>
          <cell r="H69">
            <v>41.76</v>
          </cell>
          <cell r="I69">
            <v>261</v>
          </cell>
          <cell r="K69" t="str">
            <v>×</v>
          </cell>
          <cell r="L69">
            <v>0.16</v>
          </cell>
        </row>
        <row r="71">
          <cell r="A71">
            <v>11</v>
          </cell>
          <cell r="B71" t="str">
            <v>有線式灯台監視装置撤去</v>
          </cell>
          <cell r="C71" t="str">
            <v>送信装置</v>
          </cell>
          <cell r="E71" t="str">
            <v>式</v>
          </cell>
          <cell r="F71">
            <v>1</v>
          </cell>
          <cell r="H71">
            <v>5371.65</v>
          </cell>
          <cell r="I71" t="str">
            <v>海電 P2-30</v>
          </cell>
          <cell r="T71">
            <v>1</v>
          </cell>
        </row>
        <row r="72">
          <cell r="C72" t="str">
            <v>電工</v>
          </cell>
          <cell r="E72" t="str">
            <v>人</v>
          </cell>
          <cell r="F72">
            <v>0.18</v>
          </cell>
          <cell r="G72">
            <v>17400</v>
          </cell>
          <cell r="H72">
            <v>3132</v>
          </cell>
          <cell r="I72" t="str">
            <v>三重県</v>
          </cell>
          <cell r="J72">
            <v>0.6</v>
          </cell>
          <cell r="K72" t="str">
            <v>×</v>
          </cell>
          <cell r="L72">
            <v>0.3</v>
          </cell>
        </row>
        <row r="73">
          <cell r="C73" t="str">
            <v>普通作業員</v>
          </cell>
          <cell r="E73" t="str">
            <v>人</v>
          </cell>
          <cell r="F73">
            <v>0.09</v>
          </cell>
          <cell r="G73">
            <v>17100</v>
          </cell>
          <cell r="H73">
            <v>1539</v>
          </cell>
          <cell r="I73" t="str">
            <v>三重県</v>
          </cell>
          <cell r="J73">
            <v>0.3</v>
          </cell>
          <cell r="K73" t="str">
            <v>×</v>
          </cell>
          <cell r="L73">
            <v>0.3</v>
          </cell>
        </row>
        <row r="74">
          <cell r="C74" t="str">
            <v>その他</v>
          </cell>
          <cell r="D74" t="str">
            <v>（労）×１５％</v>
          </cell>
          <cell r="E74" t="str">
            <v>式</v>
          </cell>
          <cell r="F74">
            <v>1</v>
          </cell>
          <cell r="H74">
            <v>700.65</v>
          </cell>
          <cell r="I74">
            <v>4671</v>
          </cell>
          <cell r="K74" t="str">
            <v>×</v>
          </cell>
          <cell r="L74">
            <v>0.15</v>
          </cell>
        </row>
        <row r="76">
          <cell r="A76">
            <v>12</v>
          </cell>
          <cell r="B76" t="str">
            <v>電線管撤去</v>
          </cell>
          <cell r="C76" t="str">
            <v>VE22</v>
          </cell>
          <cell r="E76" t="str">
            <v>ｍ</v>
          </cell>
          <cell r="F76">
            <v>1</v>
          </cell>
          <cell r="H76">
            <v>260.13</v>
          </cell>
          <cell r="I76" t="str">
            <v>建 P578</v>
          </cell>
        </row>
        <row r="77">
          <cell r="C77" t="str">
            <v>電工</v>
          </cell>
          <cell r="E77" t="str">
            <v>人</v>
          </cell>
          <cell r="F77">
            <v>1.2999999999999999E-2</v>
          </cell>
          <cell r="G77">
            <v>17400</v>
          </cell>
          <cell r="H77">
            <v>226.2</v>
          </cell>
          <cell r="I77" t="str">
            <v>三重県</v>
          </cell>
          <cell r="J77">
            <v>5.3999999999999999E-2</v>
          </cell>
          <cell r="K77" t="str">
            <v>×</v>
          </cell>
          <cell r="L77">
            <v>1.2</v>
          </cell>
          <cell r="M77" t="str">
            <v>×</v>
          </cell>
          <cell r="N77">
            <v>0.2</v>
          </cell>
          <cell r="T77">
            <v>6</v>
          </cell>
        </row>
        <row r="78">
          <cell r="C78" t="str">
            <v>その他</v>
          </cell>
          <cell r="D78" t="str">
            <v>（労）×１５％</v>
          </cell>
          <cell r="E78" t="str">
            <v>式</v>
          </cell>
          <cell r="F78">
            <v>1</v>
          </cell>
          <cell r="H78">
            <v>33.93</v>
          </cell>
          <cell r="I78">
            <v>226.2</v>
          </cell>
          <cell r="K78" t="str">
            <v>×</v>
          </cell>
          <cell r="L78">
            <v>0.15</v>
          </cell>
        </row>
        <row r="80">
          <cell r="A80">
            <v>13</v>
          </cell>
          <cell r="B80" t="str">
            <v>電線管撤去</v>
          </cell>
          <cell r="C80" t="str">
            <v>VE16</v>
          </cell>
          <cell r="E80" t="str">
            <v>ｍ</v>
          </cell>
          <cell r="F80">
            <v>1</v>
          </cell>
          <cell r="H80">
            <v>220.11</v>
          </cell>
          <cell r="I80" t="str">
            <v>建 P578</v>
          </cell>
        </row>
        <row r="81">
          <cell r="C81" t="str">
            <v>電工</v>
          </cell>
          <cell r="E81" t="str">
            <v>人</v>
          </cell>
          <cell r="F81">
            <v>1.0999999999999999E-2</v>
          </cell>
          <cell r="G81">
            <v>17400</v>
          </cell>
          <cell r="H81">
            <v>191.4</v>
          </cell>
          <cell r="I81" t="str">
            <v>三重県</v>
          </cell>
          <cell r="J81">
            <v>4.3999999999999997E-2</v>
          </cell>
          <cell r="K81" t="str">
            <v>×</v>
          </cell>
          <cell r="L81">
            <v>1.2</v>
          </cell>
          <cell r="M81" t="str">
            <v>×</v>
          </cell>
          <cell r="N81">
            <v>0.2</v>
          </cell>
          <cell r="T81">
            <v>6</v>
          </cell>
        </row>
        <row r="82">
          <cell r="C82" t="str">
            <v>その他</v>
          </cell>
          <cell r="D82" t="str">
            <v>（労）×１５％</v>
          </cell>
          <cell r="E82" t="str">
            <v>式</v>
          </cell>
          <cell r="F82">
            <v>1</v>
          </cell>
          <cell r="H82">
            <v>28.71</v>
          </cell>
          <cell r="I82">
            <v>191.4</v>
          </cell>
          <cell r="K82" t="str">
            <v>×</v>
          </cell>
          <cell r="L82">
            <v>0.15</v>
          </cell>
        </row>
        <row r="86">
          <cell r="A86">
            <v>14</v>
          </cell>
          <cell r="B86" t="str">
            <v>電線撤去</v>
          </cell>
          <cell r="C86" t="str">
            <v>VVR14sq×2C</v>
          </cell>
          <cell r="D86" t="str">
            <v>管内（VE）</v>
          </cell>
          <cell r="E86" t="str">
            <v>ｍ</v>
          </cell>
          <cell r="F86">
            <v>1</v>
          </cell>
          <cell r="H86">
            <v>120.06</v>
          </cell>
          <cell r="I86" t="str">
            <v>建 P206</v>
          </cell>
        </row>
        <row r="87">
          <cell r="C87" t="str">
            <v>電工</v>
          </cell>
          <cell r="E87" t="str">
            <v>人</v>
          </cell>
          <cell r="F87">
            <v>6.0000000000000001E-3</v>
          </cell>
          <cell r="G87">
            <v>17400</v>
          </cell>
          <cell r="H87">
            <v>104.4</v>
          </cell>
          <cell r="I87" t="str">
            <v>三重県</v>
          </cell>
          <cell r="J87">
            <v>2.9000000000000001E-2</v>
          </cell>
          <cell r="K87" t="str">
            <v>×</v>
          </cell>
          <cell r="L87">
            <v>0.2</v>
          </cell>
          <cell r="T87">
            <v>6</v>
          </cell>
        </row>
        <row r="88">
          <cell r="C88" t="str">
            <v>その他</v>
          </cell>
          <cell r="D88" t="str">
            <v>（労）×１５％</v>
          </cell>
          <cell r="E88" t="str">
            <v>式</v>
          </cell>
          <cell r="F88">
            <v>1</v>
          </cell>
          <cell r="H88">
            <v>15.66</v>
          </cell>
          <cell r="I88">
            <v>104.4</v>
          </cell>
          <cell r="K88" t="str">
            <v>×</v>
          </cell>
          <cell r="L88">
            <v>0.15</v>
          </cell>
        </row>
        <row r="90">
          <cell r="A90">
            <v>15</v>
          </cell>
          <cell r="B90" t="str">
            <v>電線撤去</v>
          </cell>
          <cell r="C90" t="str">
            <v>VVR14sq×2C</v>
          </cell>
          <cell r="D90" t="str">
            <v>ﾋﾟｯﾄ内</v>
          </cell>
          <cell r="E90" t="str">
            <v>ｍ</v>
          </cell>
          <cell r="F90">
            <v>1</v>
          </cell>
          <cell r="H90">
            <v>100.05</v>
          </cell>
          <cell r="I90" t="str">
            <v>建 P206</v>
          </cell>
        </row>
        <row r="91">
          <cell r="C91" t="str">
            <v>電工</v>
          </cell>
          <cell r="E91" t="str">
            <v>人</v>
          </cell>
          <cell r="F91">
            <v>5.0000000000000001E-3</v>
          </cell>
          <cell r="G91">
            <v>17400</v>
          </cell>
          <cell r="H91">
            <v>87</v>
          </cell>
          <cell r="I91" t="str">
            <v>三重県</v>
          </cell>
          <cell r="J91">
            <v>2.9000000000000001E-2</v>
          </cell>
          <cell r="K91" t="str">
            <v>×</v>
          </cell>
          <cell r="L91">
            <v>0.8</v>
          </cell>
          <cell r="M91" t="str">
            <v>×</v>
          </cell>
          <cell r="N91">
            <v>0.2</v>
          </cell>
          <cell r="T91">
            <v>6</v>
          </cell>
        </row>
        <row r="92">
          <cell r="C92" t="str">
            <v>その他</v>
          </cell>
          <cell r="D92" t="str">
            <v>（労）×１５％</v>
          </cell>
          <cell r="E92" t="str">
            <v>式</v>
          </cell>
          <cell r="F92">
            <v>1</v>
          </cell>
          <cell r="H92">
            <v>13.05</v>
          </cell>
          <cell r="I92">
            <v>87</v>
          </cell>
          <cell r="K92" t="str">
            <v>×</v>
          </cell>
          <cell r="L92">
            <v>0.15</v>
          </cell>
        </row>
        <row r="94">
          <cell r="A94">
            <v>16</v>
          </cell>
          <cell r="B94" t="str">
            <v>電線撤去</v>
          </cell>
          <cell r="C94" t="str">
            <v>CVV1.25sq×10C</v>
          </cell>
          <cell r="D94" t="str">
            <v>管内（VE）</v>
          </cell>
          <cell r="E94" t="str">
            <v>ｍ</v>
          </cell>
          <cell r="F94">
            <v>1</v>
          </cell>
          <cell r="H94">
            <v>140.07</v>
          </cell>
          <cell r="I94" t="str">
            <v>建 P209</v>
          </cell>
          <cell r="T94">
            <v>10</v>
          </cell>
        </row>
        <row r="95">
          <cell r="C95" t="str">
            <v>電工</v>
          </cell>
          <cell r="E95" t="str">
            <v>人</v>
          </cell>
          <cell r="F95">
            <v>7.0000000000000001E-3</v>
          </cell>
          <cell r="G95">
            <v>17400</v>
          </cell>
          <cell r="H95">
            <v>121.8</v>
          </cell>
          <cell r="I95" t="str">
            <v>三重県</v>
          </cell>
          <cell r="J95">
            <v>3.6999999999999998E-2</v>
          </cell>
          <cell r="K95" t="str">
            <v>×</v>
          </cell>
          <cell r="L95">
            <v>0.2</v>
          </cell>
        </row>
        <row r="96">
          <cell r="C96" t="str">
            <v>その他</v>
          </cell>
          <cell r="D96" t="str">
            <v>（労）×１５％</v>
          </cell>
          <cell r="E96" t="str">
            <v>式</v>
          </cell>
          <cell r="F96">
            <v>1</v>
          </cell>
          <cell r="H96">
            <v>18.27</v>
          </cell>
          <cell r="I96">
            <v>121.8</v>
          </cell>
          <cell r="K96" t="str">
            <v>×</v>
          </cell>
          <cell r="L96">
            <v>0.15</v>
          </cell>
        </row>
        <row r="98">
          <cell r="A98">
            <v>17</v>
          </cell>
          <cell r="B98" t="str">
            <v>電線撤去</v>
          </cell>
          <cell r="C98" t="str">
            <v>CVV1.25sq×6C</v>
          </cell>
          <cell r="D98" t="str">
            <v>管内（VE）</v>
          </cell>
          <cell r="E98" t="str">
            <v>ｍ</v>
          </cell>
          <cell r="F98">
            <v>1</v>
          </cell>
          <cell r="H98">
            <v>100.05</v>
          </cell>
          <cell r="I98" t="str">
            <v>建 P209</v>
          </cell>
          <cell r="T98">
            <v>10</v>
          </cell>
        </row>
        <row r="99">
          <cell r="C99" t="str">
            <v>電工</v>
          </cell>
          <cell r="E99" t="str">
            <v>人</v>
          </cell>
          <cell r="F99">
            <v>5.0000000000000001E-3</v>
          </cell>
          <cell r="G99">
            <v>17400</v>
          </cell>
          <cell r="H99">
            <v>87</v>
          </cell>
          <cell r="I99" t="str">
            <v>三重県</v>
          </cell>
          <cell r="J99">
            <v>2.5000000000000001E-2</v>
          </cell>
          <cell r="K99" t="str">
            <v>×</v>
          </cell>
          <cell r="L99">
            <v>0.2</v>
          </cell>
        </row>
        <row r="100">
          <cell r="C100" t="str">
            <v>その他</v>
          </cell>
          <cell r="D100" t="str">
            <v>（労）×１５％</v>
          </cell>
          <cell r="E100" t="str">
            <v>式</v>
          </cell>
          <cell r="F100">
            <v>1</v>
          </cell>
          <cell r="H100">
            <v>13.05</v>
          </cell>
          <cell r="I100">
            <v>87</v>
          </cell>
          <cell r="K100" t="str">
            <v>×</v>
          </cell>
          <cell r="L100">
            <v>0.15</v>
          </cell>
        </row>
        <row r="102">
          <cell r="A102">
            <v>18</v>
          </cell>
          <cell r="B102" t="str">
            <v>電線撤去</v>
          </cell>
          <cell r="C102" t="str">
            <v>CVV1.25sq×2C</v>
          </cell>
          <cell r="D102" t="str">
            <v>管内（VE）</v>
          </cell>
          <cell r="E102" t="str">
            <v>ｍ</v>
          </cell>
          <cell r="F102">
            <v>1</v>
          </cell>
          <cell r="H102">
            <v>60.03</v>
          </cell>
          <cell r="I102" t="str">
            <v>建 P209</v>
          </cell>
          <cell r="T102">
            <v>10</v>
          </cell>
        </row>
        <row r="103">
          <cell r="C103" t="str">
            <v>電工</v>
          </cell>
          <cell r="E103" t="str">
            <v>人</v>
          </cell>
          <cell r="F103">
            <v>3.0000000000000001E-3</v>
          </cell>
          <cell r="G103">
            <v>17400</v>
          </cell>
          <cell r="H103">
            <v>52.2</v>
          </cell>
          <cell r="I103" t="str">
            <v>三重県</v>
          </cell>
          <cell r="J103">
            <v>1.4999999999999999E-2</v>
          </cell>
          <cell r="K103" t="str">
            <v>×</v>
          </cell>
          <cell r="L103">
            <v>0.2</v>
          </cell>
        </row>
        <row r="104">
          <cell r="C104" t="str">
            <v>その他</v>
          </cell>
          <cell r="D104" t="str">
            <v>（労）×１５％</v>
          </cell>
          <cell r="E104" t="str">
            <v>式</v>
          </cell>
          <cell r="F104">
            <v>1</v>
          </cell>
          <cell r="H104">
            <v>7.83</v>
          </cell>
          <cell r="I104">
            <v>52.2</v>
          </cell>
          <cell r="K104" t="str">
            <v>×</v>
          </cell>
          <cell r="L104">
            <v>0.15</v>
          </cell>
        </row>
        <row r="107">
          <cell r="A107">
            <v>19</v>
          </cell>
          <cell r="B107" t="str">
            <v>電線撤去</v>
          </cell>
          <cell r="C107" t="str">
            <v>CVV1.25sq×6C</v>
          </cell>
          <cell r="D107" t="str">
            <v>ﾋﾟｯﾄ内</v>
          </cell>
          <cell r="E107" t="str">
            <v>ｍ</v>
          </cell>
          <cell r="F107">
            <v>1</v>
          </cell>
          <cell r="H107">
            <v>80.039999999999992</v>
          </cell>
          <cell r="I107" t="str">
            <v>建 P209</v>
          </cell>
          <cell r="T107">
            <v>10</v>
          </cell>
        </row>
        <row r="108">
          <cell r="C108" t="str">
            <v>電工</v>
          </cell>
          <cell r="E108" t="str">
            <v>人</v>
          </cell>
          <cell r="F108">
            <v>4.0000000000000001E-3</v>
          </cell>
          <cell r="G108">
            <v>17400</v>
          </cell>
          <cell r="H108">
            <v>69.599999999999994</v>
          </cell>
          <cell r="I108" t="str">
            <v>三重県</v>
          </cell>
          <cell r="J108">
            <v>2.5000000000000001E-2</v>
          </cell>
          <cell r="K108" t="str">
            <v>×</v>
          </cell>
          <cell r="L108">
            <v>0.8</v>
          </cell>
          <cell r="M108" t="str">
            <v>×</v>
          </cell>
          <cell r="N108">
            <v>0.2</v>
          </cell>
        </row>
        <row r="109">
          <cell r="C109" t="str">
            <v>その他</v>
          </cell>
          <cell r="D109" t="str">
            <v>（労）×１５％</v>
          </cell>
          <cell r="E109" t="str">
            <v>式</v>
          </cell>
          <cell r="F109">
            <v>1</v>
          </cell>
          <cell r="H109">
            <v>10.44</v>
          </cell>
          <cell r="I109">
            <v>69.599999999999994</v>
          </cell>
          <cell r="K109" t="str">
            <v>×</v>
          </cell>
          <cell r="L109">
            <v>0.15</v>
          </cell>
        </row>
        <row r="111">
          <cell r="A111">
            <v>20</v>
          </cell>
          <cell r="B111" t="str">
            <v>有線式灯台監視装置改造</v>
          </cell>
          <cell r="C111" t="str">
            <v>受信装置</v>
          </cell>
          <cell r="E111" t="str">
            <v>式</v>
          </cell>
          <cell r="F111">
            <v>1</v>
          </cell>
          <cell r="H111">
            <v>51860.5</v>
          </cell>
          <cell r="T111">
            <v>10</v>
          </cell>
        </row>
        <row r="112">
          <cell r="C112" t="str">
            <v>ＭＰＩユニット用ＲＯＭ</v>
          </cell>
          <cell r="D112" t="str">
            <v>ＭＰＩユニット用</v>
          </cell>
          <cell r="E112" t="str">
            <v>個</v>
          </cell>
          <cell r="F112">
            <v>1</v>
          </cell>
          <cell r="H112">
            <v>50000</v>
          </cell>
          <cell r="I112" t="str">
            <v>市価</v>
          </cell>
          <cell r="R112" t="str">
            <v>特定材料A</v>
          </cell>
        </row>
        <row r="113">
          <cell r="C113" t="str">
            <v>ダイオード</v>
          </cell>
          <cell r="D113" t="str">
            <v>1S953</v>
          </cell>
          <cell r="E113" t="str">
            <v>個</v>
          </cell>
          <cell r="F113">
            <v>2</v>
          </cell>
          <cell r="G113">
            <v>100</v>
          </cell>
          <cell r="H113">
            <v>200</v>
          </cell>
          <cell r="I113" t="str">
            <v>市価</v>
          </cell>
        </row>
        <row r="114">
          <cell r="C114" t="str">
            <v>ピンヘッタ</v>
          </cell>
          <cell r="D114" t="str">
            <v>5P</v>
          </cell>
          <cell r="E114" t="str">
            <v>個</v>
          </cell>
          <cell r="F114">
            <v>1</v>
          </cell>
          <cell r="H114">
            <v>100</v>
          </cell>
          <cell r="I114" t="str">
            <v>市価</v>
          </cell>
        </row>
        <row r="115">
          <cell r="C115" t="str">
            <v>ショートソケット</v>
          </cell>
          <cell r="E115" t="str">
            <v>個</v>
          </cell>
          <cell r="F115">
            <v>2</v>
          </cell>
          <cell r="G115">
            <v>25</v>
          </cell>
          <cell r="H115">
            <v>50</v>
          </cell>
          <cell r="I115" t="str">
            <v>市価</v>
          </cell>
        </row>
        <row r="116">
          <cell r="C116" t="str">
            <v>雑材料</v>
          </cell>
          <cell r="D116" t="str">
            <v>（材）×３％</v>
          </cell>
          <cell r="E116" t="str">
            <v>式</v>
          </cell>
          <cell r="F116">
            <v>1</v>
          </cell>
          <cell r="H116">
            <v>1510.5</v>
          </cell>
          <cell r="I116">
            <v>50350</v>
          </cell>
          <cell r="K116" t="str">
            <v>×</v>
          </cell>
          <cell r="L116">
            <v>0.03</v>
          </cell>
        </row>
        <row r="118">
          <cell r="A118">
            <v>21</v>
          </cell>
          <cell r="B118" t="str">
            <v>ＬＡ管制器Ⅰ型改造</v>
          </cell>
          <cell r="E118" t="str">
            <v>式</v>
          </cell>
          <cell r="F118">
            <v>1</v>
          </cell>
          <cell r="H118">
            <v>132048</v>
          </cell>
        </row>
        <row r="119">
          <cell r="C119" t="str">
            <v>ＬＡ管制器Ⅰ型改造</v>
          </cell>
          <cell r="D119" t="str">
            <v>南灯台</v>
          </cell>
          <cell r="E119" t="str">
            <v>式</v>
          </cell>
          <cell r="F119">
            <v>1</v>
          </cell>
          <cell r="H119">
            <v>309</v>
          </cell>
          <cell r="J119" t="str">
            <v>一位代価</v>
          </cell>
          <cell r="K119">
            <v>22</v>
          </cell>
        </row>
        <row r="120">
          <cell r="C120" t="str">
            <v>ＬＡ管制器Ⅰ型改造</v>
          </cell>
          <cell r="D120" t="str">
            <v>北灯台</v>
          </cell>
          <cell r="E120" t="str">
            <v>式</v>
          </cell>
          <cell r="F120">
            <v>1</v>
          </cell>
          <cell r="H120">
            <v>131739</v>
          </cell>
          <cell r="J120" t="str">
            <v>一位代価</v>
          </cell>
          <cell r="K120">
            <v>23</v>
          </cell>
        </row>
        <row r="122">
          <cell r="A122">
            <v>22</v>
          </cell>
          <cell r="B122" t="str">
            <v>ＬＡ管制器Ⅰ型改造</v>
          </cell>
          <cell r="D122" t="str">
            <v>南灯台</v>
          </cell>
          <cell r="E122" t="str">
            <v>式</v>
          </cell>
          <cell r="F122">
            <v>1</v>
          </cell>
          <cell r="H122">
            <v>309</v>
          </cell>
        </row>
        <row r="123">
          <cell r="C123" t="str">
            <v>４Ｐ端子</v>
          </cell>
          <cell r="D123" t="str">
            <v>ML3391-4P</v>
          </cell>
          <cell r="E123" t="str">
            <v>個</v>
          </cell>
          <cell r="F123">
            <v>1</v>
          </cell>
          <cell r="H123">
            <v>300</v>
          </cell>
          <cell r="I123" t="str">
            <v>市価</v>
          </cell>
        </row>
        <row r="124">
          <cell r="C124" t="str">
            <v>雑材料</v>
          </cell>
          <cell r="D124" t="str">
            <v>（材）×３％</v>
          </cell>
          <cell r="E124" t="str">
            <v>式</v>
          </cell>
          <cell r="F124">
            <v>1</v>
          </cell>
          <cell r="H124">
            <v>9</v>
          </cell>
          <cell r="I124">
            <v>300</v>
          </cell>
          <cell r="K124" t="str">
            <v>×</v>
          </cell>
          <cell r="L124">
            <v>0.03</v>
          </cell>
        </row>
        <row r="128">
          <cell r="A128">
            <v>23</v>
          </cell>
          <cell r="B128" t="str">
            <v>ＬＡ管制器Ⅰ型改造</v>
          </cell>
          <cell r="D128" t="str">
            <v>北灯台</v>
          </cell>
          <cell r="E128" t="str">
            <v>式</v>
          </cell>
          <cell r="F128">
            <v>1</v>
          </cell>
          <cell r="H128">
            <v>131739</v>
          </cell>
        </row>
        <row r="129">
          <cell r="C129" t="str">
            <v>４Ｐ端子</v>
          </cell>
          <cell r="D129" t="str">
            <v>ML3391-4P</v>
          </cell>
          <cell r="E129" t="str">
            <v>個</v>
          </cell>
          <cell r="F129">
            <v>1</v>
          </cell>
          <cell r="H129">
            <v>300</v>
          </cell>
          <cell r="I129" t="str">
            <v>市価</v>
          </cell>
        </row>
        <row r="130">
          <cell r="C130" t="str">
            <v>雑材料</v>
          </cell>
          <cell r="D130" t="str">
            <v>（材）×３％</v>
          </cell>
          <cell r="E130" t="str">
            <v>式</v>
          </cell>
          <cell r="F130">
            <v>1</v>
          </cell>
          <cell r="H130">
            <v>9</v>
          </cell>
          <cell r="I130">
            <v>300</v>
          </cell>
          <cell r="K130" t="str">
            <v>×</v>
          </cell>
          <cell r="L130">
            <v>0.03</v>
          </cell>
        </row>
        <row r="131">
          <cell r="C131" t="str">
            <v>保護端子函ＳＰＴ－ＢＯＸ</v>
          </cell>
          <cell r="D131" t="str">
            <v>取付</v>
          </cell>
          <cell r="E131" t="str">
            <v>式</v>
          </cell>
          <cell r="F131">
            <v>1</v>
          </cell>
          <cell r="H131">
            <v>131430</v>
          </cell>
          <cell r="J131" t="str">
            <v>一位代価</v>
          </cell>
          <cell r="K131">
            <v>2</v>
          </cell>
        </row>
        <row r="133">
          <cell r="A133">
            <v>24</v>
          </cell>
          <cell r="B133" t="str">
            <v>交通船</v>
          </cell>
          <cell r="C133" t="str">
            <v>鋼D 50PS 4.9t</v>
          </cell>
          <cell r="E133" t="str">
            <v>日</v>
          </cell>
          <cell r="F133">
            <v>1</v>
          </cell>
          <cell r="H133">
            <v>64708.93</v>
          </cell>
          <cell r="I133" t="str">
            <v>港湾 単P27</v>
          </cell>
          <cell r="T133">
            <v>26</v>
          </cell>
        </row>
        <row r="134">
          <cell r="C134" t="str">
            <v>主燃料</v>
          </cell>
          <cell r="D134" t="str">
            <v>Ａ重油</v>
          </cell>
          <cell r="E134" t="str">
            <v>㍑</v>
          </cell>
          <cell r="F134">
            <v>45</v>
          </cell>
          <cell r="G134">
            <v>29.5</v>
          </cell>
          <cell r="H134">
            <v>1327.5</v>
          </cell>
          <cell r="I134" t="str">
            <v>物 P694 四日市 ローリ</v>
          </cell>
        </row>
        <row r="135">
          <cell r="C135" t="str">
            <v>高級船員</v>
          </cell>
          <cell r="E135" t="str">
            <v>人</v>
          </cell>
          <cell r="F135">
            <v>1.2</v>
          </cell>
          <cell r="G135">
            <v>26400</v>
          </cell>
          <cell r="H135">
            <v>31680</v>
          </cell>
          <cell r="I135" t="str">
            <v>三重県</v>
          </cell>
          <cell r="L135" t="str">
            <v>β</v>
          </cell>
          <cell r="M135" t="str">
            <v>＝</v>
          </cell>
          <cell r="N135">
            <v>1.2</v>
          </cell>
        </row>
        <row r="136">
          <cell r="C136" t="str">
            <v>普通船員</v>
          </cell>
          <cell r="E136" t="str">
            <v>人</v>
          </cell>
          <cell r="F136">
            <v>1.2</v>
          </cell>
          <cell r="G136">
            <v>19700</v>
          </cell>
          <cell r="H136">
            <v>23640</v>
          </cell>
          <cell r="I136" t="str">
            <v>三重県</v>
          </cell>
          <cell r="L136" t="str">
            <v>β</v>
          </cell>
          <cell r="M136" t="str">
            <v>＝</v>
          </cell>
          <cell r="N136">
            <v>1.2</v>
          </cell>
        </row>
        <row r="137">
          <cell r="C137" t="str">
            <v>損料</v>
          </cell>
          <cell r="D137" t="str">
            <v>運転</v>
          </cell>
          <cell r="E137" t="str">
            <v>日</v>
          </cell>
          <cell r="F137">
            <v>1</v>
          </cell>
          <cell r="G137">
            <v>2740</v>
          </cell>
          <cell r="H137">
            <v>2740</v>
          </cell>
          <cell r="I137" t="str">
            <v>損 船P13</v>
          </cell>
        </row>
        <row r="138">
          <cell r="C138" t="str">
            <v>損料</v>
          </cell>
          <cell r="D138" t="str">
            <v>供用</v>
          </cell>
          <cell r="E138" t="str">
            <v>日</v>
          </cell>
          <cell r="F138">
            <v>1.65</v>
          </cell>
          <cell r="G138">
            <v>3030</v>
          </cell>
          <cell r="H138">
            <v>4999.5</v>
          </cell>
          <cell r="I138" t="str">
            <v>損 船P14</v>
          </cell>
          <cell r="L138" t="str">
            <v>α</v>
          </cell>
          <cell r="M138" t="str">
            <v>＝</v>
          </cell>
          <cell r="N138">
            <v>1.65</v>
          </cell>
        </row>
        <row r="139">
          <cell r="C139" t="str">
            <v>雑材料</v>
          </cell>
          <cell r="D139" t="str">
            <v>（上記）×０.５％</v>
          </cell>
          <cell r="E139" t="str">
            <v>式</v>
          </cell>
          <cell r="F139">
            <v>1</v>
          </cell>
          <cell r="H139">
            <v>321.93</v>
          </cell>
          <cell r="I139">
            <v>64387</v>
          </cell>
          <cell r="K139" t="str">
            <v>×</v>
          </cell>
          <cell r="L139">
            <v>5.0000000000000001E-3</v>
          </cell>
        </row>
        <row r="141">
          <cell r="A141">
            <v>25</v>
          </cell>
          <cell r="B141" t="str">
            <v>試験調整費</v>
          </cell>
          <cell r="E141" t="str">
            <v>式</v>
          </cell>
          <cell r="F141">
            <v>1</v>
          </cell>
          <cell r="H141">
            <v>500000</v>
          </cell>
          <cell r="I141" t="str">
            <v>海電指 P2-12</v>
          </cell>
          <cell r="T141">
            <v>26</v>
          </cell>
        </row>
        <row r="142">
          <cell r="C142" t="str">
            <v>技術者</v>
          </cell>
          <cell r="E142" t="str">
            <v>人</v>
          </cell>
          <cell r="F142">
            <v>10</v>
          </cell>
          <cell r="G142">
            <v>50000</v>
          </cell>
          <cell r="H142">
            <v>500000</v>
          </cell>
          <cell r="I142" t="str">
            <v>市価</v>
          </cell>
        </row>
        <row r="144">
          <cell r="A144">
            <v>26</v>
          </cell>
          <cell r="B144" t="str">
            <v>旅費</v>
          </cell>
          <cell r="C144" t="str">
            <v>技術者</v>
          </cell>
          <cell r="E144" t="str">
            <v>式</v>
          </cell>
          <cell r="F144">
            <v>1</v>
          </cell>
          <cell r="H144">
            <v>121878</v>
          </cell>
          <cell r="I144" t="str">
            <v>海電指 P2-7</v>
          </cell>
          <cell r="T144">
            <v>26</v>
          </cell>
        </row>
        <row r="145">
          <cell r="C145" t="str">
            <v>ＪＲ運賃等</v>
          </cell>
          <cell r="D145" t="str">
            <v>東京～四日市</v>
          </cell>
          <cell r="E145" t="str">
            <v>往復</v>
          </cell>
          <cell r="F145">
            <v>2</v>
          </cell>
          <cell r="G145">
            <v>21160</v>
          </cell>
          <cell r="H145">
            <v>42320</v>
          </cell>
          <cell r="I145">
            <v>11110</v>
          </cell>
          <cell r="K145" t="str">
            <v>÷</v>
          </cell>
          <cell r="L145">
            <v>1.05</v>
          </cell>
          <cell r="M145" t="str">
            <v>×</v>
          </cell>
          <cell r="N145">
            <v>2</v>
          </cell>
        </row>
        <row r="146">
          <cell r="C146" t="str">
            <v>宿泊費</v>
          </cell>
          <cell r="D146" t="str">
            <v>４級以上</v>
          </cell>
          <cell r="E146" t="str">
            <v>泊</v>
          </cell>
          <cell r="F146">
            <v>2</v>
          </cell>
          <cell r="G146">
            <v>9333</v>
          </cell>
          <cell r="H146">
            <v>18666</v>
          </cell>
          <cell r="I146">
            <v>9800</v>
          </cell>
          <cell r="K146" t="str">
            <v>÷</v>
          </cell>
          <cell r="L146">
            <v>1.05</v>
          </cell>
        </row>
        <row r="147">
          <cell r="C147" t="str">
            <v>滞在日額旅費</v>
          </cell>
          <cell r="D147" t="str">
            <v>４級以上</v>
          </cell>
          <cell r="E147" t="str">
            <v>泊</v>
          </cell>
          <cell r="F147">
            <v>6</v>
          </cell>
          <cell r="G147">
            <v>8752</v>
          </cell>
          <cell r="H147">
            <v>52512</v>
          </cell>
          <cell r="I147">
            <v>9190</v>
          </cell>
          <cell r="K147" t="str">
            <v>÷</v>
          </cell>
          <cell r="L147">
            <v>1.05</v>
          </cell>
        </row>
        <row r="148">
          <cell r="C148" t="str">
            <v>日当</v>
          </cell>
          <cell r="D148" t="str">
            <v>４級以上</v>
          </cell>
          <cell r="E148" t="str">
            <v>日</v>
          </cell>
          <cell r="F148">
            <v>4</v>
          </cell>
          <cell r="G148">
            <v>2095</v>
          </cell>
          <cell r="H148">
            <v>8380</v>
          </cell>
          <cell r="I148">
            <v>2200</v>
          </cell>
          <cell r="K148" t="str">
            <v>÷</v>
          </cell>
          <cell r="L148">
            <v>1.05</v>
          </cell>
        </row>
        <row r="149">
          <cell r="A149">
            <v>27</v>
          </cell>
          <cell r="B149" t="str">
            <v>携帯電話契約</v>
          </cell>
          <cell r="E149" t="str">
            <v>台</v>
          </cell>
          <cell r="F149">
            <v>1</v>
          </cell>
          <cell r="H149">
            <v>3000</v>
          </cell>
          <cell r="T149">
            <v>26</v>
          </cell>
        </row>
        <row r="150">
          <cell r="C150" t="str">
            <v>契約事務手数料</v>
          </cell>
          <cell r="E150" t="str">
            <v>台</v>
          </cell>
          <cell r="F150">
            <v>1</v>
          </cell>
          <cell r="G150">
            <v>3000</v>
          </cell>
          <cell r="H150">
            <v>3000</v>
          </cell>
          <cell r="I150" t="str">
            <v>市価</v>
          </cell>
        </row>
        <row r="152">
          <cell r="A152">
            <v>28</v>
          </cell>
          <cell r="B152" t="str">
            <v>電話休止事務</v>
          </cell>
          <cell r="E152" t="str">
            <v>台</v>
          </cell>
          <cell r="F152">
            <v>1</v>
          </cell>
          <cell r="H152">
            <v>2000</v>
          </cell>
          <cell r="T152">
            <v>26</v>
          </cell>
        </row>
        <row r="153">
          <cell r="C153" t="str">
            <v>休止事務手数料</v>
          </cell>
          <cell r="E153" t="str">
            <v>台</v>
          </cell>
          <cell r="F153">
            <v>1</v>
          </cell>
          <cell r="G153">
            <v>2000</v>
          </cell>
          <cell r="H153">
            <v>2000</v>
          </cell>
          <cell r="I153" t="str">
            <v>市価</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8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Ａ代価 "/>
    </sheetNames>
    <sheetDataSet>
      <sheetData sheetId="0"/>
    </sheetDataSet>
  </externalBook>
</externalLink>
</file>

<file path=xl/externalLinks/externalLink8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コード"/>
      <sheetName val="明細 (屋外) "/>
      <sheetName val="明細 (便)"/>
      <sheetName val="明細 (浄)"/>
      <sheetName val="明細 (小)"/>
      <sheetName val="代価表"/>
      <sheetName val="県単価"/>
      <sheetName val="市場単価"/>
      <sheetName val="刊行物"/>
      <sheetName val="便所見積"/>
      <sheetName val="その他見積 "/>
    </sheetNames>
    <sheetDataSet>
      <sheetData sheetId="0">
        <row r="1">
          <cell r="B1" t="str">
            <v>コード</v>
          </cell>
          <cell r="C1" t="str">
            <v>名　　称</v>
          </cell>
          <cell r="D1" t="str">
            <v>形状寸法</v>
          </cell>
          <cell r="E1" t="str">
            <v>金　　額</v>
          </cell>
          <cell r="F1" t="str">
            <v>単位数量</v>
          </cell>
          <cell r="G1" t="str">
            <v>単位</v>
          </cell>
          <cell r="H1" t="str">
            <v>摘要欄</v>
          </cell>
        </row>
        <row r="2">
          <cell r="B2">
            <v>101</v>
          </cell>
          <cell r="C2" t="str">
            <v>特殊作業員</v>
          </cell>
          <cell r="E2">
            <v>21600</v>
          </cell>
          <cell r="F2">
            <v>1</v>
          </cell>
          <cell r="G2" t="str">
            <v>人</v>
          </cell>
          <cell r="H2" t="str">
            <v>R0100</v>
          </cell>
        </row>
        <row r="3">
          <cell r="B3">
            <v>102</v>
          </cell>
          <cell r="C3" t="str">
            <v>普通作業員</v>
          </cell>
          <cell r="E3">
            <v>17400</v>
          </cell>
          <cell r="F3">
            <v>1</v>
          </cell>
          <cell r="G3" t="str">
            <v>人</v>
          </cell>
          <cell r="H3" t="str">
            <v>R0200</v>
          </cell>
        </row>
        <row r="4">
          <cell r="B4">
            <v>103</v>
          </cell>
          <cell r="C4" t="str">
            <v>世話役</v>
          </cell>
          <cell r="E4">
            <v>25700</v>
          </cell>
          <cell r="F4">
            <v>1</v>
          </cell>
          <cell r="G4" t="str">
            <v>人</v>
          </cell>
          <cell r="H4" t="str">
            <v>R4000</v>
          </cell>
        </row>
        <row r="5">
          <cell r="B5">
            <v>104</v>
          </cell>
          <cell r="C5" t="str">
            <v>電工</v>
          </cell>
          <cell r="E5">
            <v>18300</v>
          </cell>
          <cell r="F5">
            <v>1</v>
          </cell>
          <cell r="G5" t="str">
            <v>人</v>
          </cell>
          <cell r="H5" t="str">
            <v>R0800</v>
          </cell>
        </row>
        <row r="6">
          <cell r="B6">
            <v>105</v>
          </cell>
          <cell r="C6" t="str">
            <v>配管工</v>
          </cell>
          <cell r="E6">
            <v>16700</v>
          </cell>
          <cell r="F6">
            <v>1</v>
          </cell>
          <cell r="G6" t="str">
            <v>人</v>
          </cell>
          <cell r="H6" t="str">
            <v>R3100</v>
          </cell>
        </row>
        <row r="7">
          <cell r="B7">
            <v>106</v>
          </cell>
        </row>
        <row r="8">
          <cell r="B8">
            <v>107</v>
          </cell>
        </row>
        <row r="9">
          <cell r="B9">
            <v>108</v>
          </cell>
        </row>
        <row r="10">
          <cell r="B10">
            <v>109</v>
          </cell>
        </row>
        <row r="11">
          <cell r="B11">
            <v>110</v>
          </cell>
        </row>
        <row r="12">
          <cell r="B12">
            <v>201</v>
          </cell>
          <cell r="C12" t="str">
            <v>遣り方</v>
          </cell>
          <cell r="D12" t="str">
            <v>一般</v>
          </cell>
          <cell r="E12">
            <v>220</v>
          </cell>
          <cell r="F12">
            <v>1</v>
          </cell>
          <cell r="G12" t="str">
            <v>m2</v>
          </cell>
          <cell r="H12" t="str">
            <v>B0-132511</v>
          </cell>
        </row>
        <row r="13">
          <cell r="B13">
            <v>202</v>
          </cell>
          <cell r="C13" t="str">
            <v>平遣り方</v>
          </cell>
          <cell r="E13">
            <v>2550</v>
          </cell>
          <cell r="F13">
            <v>1</v>
          </cell>
          <cell r="G13" t="str">
            <v>箇所</v>
          </cell>
          <cell r="H13" t="str">
            <v>B0-132512</v>
          </cell>
        </row>
        <row r="14">
          <cell r="B14">
            <v>203</v>
          </cell>
          <cell r="C14" t="str">
            <v>隅遣り方</v>
          </cell>
          <cell r="E14">
            <v>3830</v>
          </cell>
          <cell r="F14">
            <v>1</v>
          </cell>
          <cell r="G14" t="str">
            <v>箇所</v>
          </cell>
          <cell r="H14" t="str">
            <v>B0-132513</v>
          </cell>
        </row>
        <row r="15">
          <cell r="B15">
            <v>204</v>
          </cell>
          <cell r="C15" t="str">
            <v>墨出し</v>
          </cell>
          <cell r="D15" t="str">
            <v>一般</v>
          </cell>
          <cell r="E15">
            <v>390</v>
          </cell>
          <cell r="F15">
            <v>1</v>
          </cell>
          <cell r="G15" t="str">
            <v>m2</v>
          </cell>
          <cell r="H15" t="str">
            <v>B0-132514</v>
          </cell>
        </row>
        <row r="16">
          <cell r="B16">
            <v>205</v>
          </cell>
          <cell r="C16" t="str">
            <v>外部単管足場</v>
          </cell>
          <cell r="D16" t="str">
            <v>高さ10m未満,2ヶ月</v>
          </cell>
          <cell r="E16">
            <v>1180</v>
          </cell>
          <cell r="F16">
            <v>1</v>
          </cell>
          <cell r="G16" t="str">
            <v>掛m2</v>
          </cell>
          <cell r="H16" t="str">
            <v>B0-131222</v>
          </cell>
        </row>
        <row r="17">
          <cell r="B17">
            <v>206</v>
          </cell>
          <cell r="C17" t="str">
            <v>内部足場</v>
          </cell>
          <cell r="D17" t="str">
            <v>脚立足場,2ヶ月</v>
          </cell>
          <cell r="E17">
            <v>230</v>
          </cell>
          <cell r="F17">
            <v>1</v>
          </cell>
          <cell r="G17" t="str">
            <v>延m2</v>
          </cell>
          <cell r="H17" t="str">
            <v>B0-131231</v>
          </cell>
        </row>
        <row r="18">
          <cell r="B18">
            <v>207</v>
          </cell>
          <cell r="C18" t="str">
            <v>養生</v>
          </cell>
          <cell r="D18" t="str">
            <v>一般</v>
          </cell>
          <cell r="E18">
            <v>215</v>
          </cell>
          <cell r="F18">
            <v>1</v>
          </cell>
          <cell r="G18" t="str">
            <v>延m2</v>
          </cell>
          <cell r="H18" t="str">
            <v>B0-132515</v>
          </cell>
        </row>
        <row r="19">
          <cell r="B19">
            <v>208</v>
          </cell>
          <cell r="C19" t="str">
            <v>整理清掃跡片付け</v>
          </cell>
          <cell r="D19" t="str">
            <v>一般</v>
          </cell>
          <cell r="E19">
            <v>900</v>
          </cell>
          <cell r="F19">
            <v>1</v>
          </cell>
          <cell r="G19" t="str">
            <v>延m2</v>
          </cell>
          <cell r="H19" t="str">
            <v>B0-132531</v>
          </cell>
        </row>
        <row r="20">
          <cell r="B20">
            <v>209</v>
          </cell>
          <cell r="C20" t="str">
            <v>根切り</v>
          </cell>
          <cell r="D20" t="str">
            <v>つぼ掘り,ﾊﾞｯｸﾎｳ0.35m3</v>
          </cell>
          <cell r="E20">
            <v>1170</v>
          </cell>
          <cell r="F20">
            <v>1</v>
          </cell>
          <cell r="G20" t="str">
            <v>m3</v>
          </cell>
          <cell r="H20" t="str">
            <v>B0-132233</v>
          </cell>
        </row>
        <row r="21">
          <cell r="B21">
            <v>209.1</v>
          </cell>
          <cell r="C21" t="str">
            <v>すきとり</v>
          </cell>
          <cell r="D21" t="str">
            <v>ﾌﾞﾙﾄｰｻﾞ3t</v>
          </cell>
          <cell r="E21">
            <v>666</v>
          </cell>
          <cell r="F21">
            <v>1</v>
          </cell>
          <cell r="G21" t="str">
            <v>m3</v>
          </cell>
          <cell r="H21" t="str">
            <v>B0-132218</v>
          </cell>
        </row>
        <row r="22">
          <cell r="B22">
            <v>209.2</v>
          </cell>
          <cell r="C22" t="str">
            <v>根切り</v>
          </cell>
          <cell r="D22" t="str">
            <v>山留め,ﾊﾞｯｸﾎｳ0.6m3</v>
          </cell>
          <cell r="E22">
            <v>685</v>
          </cell>
          <cell r="F22">
            <v>1</v>
          </cell>
          <cell r="G22" t="str">
            <v>m3</v>
          </cell>
          <cell r="H22" t="str">
            <v>B0-132233</v>
          </cell>
        </row>
        <row r="23">
          <cell r="B23">
            <v>209.3</v>
          </cell>
          <cell r="C23" t="str">
            <v>根切り</v>
          </cell>
          <cell r="D23" t="str">
            <v>小規模土工,ﾊﾞｯｸﾎｳ0.2m3</v>
          </cell>
          <cell r="E23">
            <v>1780</v>
          </cell>
          <cell r="F23">
            <v>1</v>
          </cell>
          <cell r="G23" t="str">
            <v>m3</v>
          </cell>
          <cell r="H23" t="str">
            <v>B0-132233</v>
          </cell>
        </row>
        <row r="24">
          <cell r="B24">
            <v>209.4</v>
          </cell>
          <cell r="C24" t="str">
            <v>根切り</v>
          </cell>
          <cell r="D24" t="str">
            <v>人力土工</v>
          </cell>
          <cell r="E24">
            <v>9120</v>
          </cell>
          <cell r="F24">
            <v>1</v>
          </cell>
          <cell r="G24" t="str">
            <v>m3</v>
          </cell>
          <cell r="H24" t="str">
            <v>B0-132233</v>
          </cell>
        </row>
        <row r="25">
          <cell r="B25">
            <v>209.5</v>
          </cell>
          <cell r="C25" t="str">
            <v>床付け</v>
          </cell>
          <cell r="E25">
            <v>434</v>
          </cell>
          <cell r="F25">
            <v>1</v>
          </cell>
          <cell r="G25" t="str">
            <v>m2</v>
          </cell>
          <cell r="H25" t="str">
            <v>B0-132226</v>
          </cell>
        </row>
        <row r="26">
          <cell r="B26">
            <v>210</v>
          </cell>
          <cell r="C26" t="str">
            <v>埋戻し</v>
          </cell>
          <cell r="D26" t="str">
            <v>つぼ掘り,ﾊﾞｯｸﾎｳ0.35m3</v>
          </cell>
          <cell r="E26">
            <v>1630</v>
          </cell>
          <cell r="F26">
            <v>1</v>
          </cell>
          <cell r="G26" t="str">
            <v>m3</v>
          </cell>
          <cell r="H26" t="str">
            <v>B0-132251</v>
          </cell>
        </row>
        <row r="27">
          <cell r="B27">
            <v>210.1</v>
          </cell>
          <cell r="C27" t="str">
            <v>埋戻し</v>
          </cell>
          <cell r="D27" t="str">
            <v>つぼ掘り,ﾊﾞｯｸﾎｳ0.6m3</v>
          </cell>
          <cell r="E27">
            <v>1430</v>
          </cell>
          <cell r="F27">
            <v>1</v>
          </cell>
          <cell r="G27" t="str">
            <v>m3</v>
          </cell>
          <cell r="H27" t="str">
            <v>B0-132251</v>
          </cell>
        </row>
        <row r="28">
          <cell r="B28">
            <v>210.2</v>
          </cell>
          <cell r="C28" t="str">
            <v>埋戻し</v>
          </cell>
          <cell r="D28" t="str">
            <v>山留め,ﾊﾞｯｸﾎｳ0.6m3</v>
          </cell>
          <cell r="E28">
            <v>1430</v>
          </cell>
          <cell r="F28">
            <v>1</v>
          </cell>
          <cell r="G28" t="str">
            <v>m3</v>
          </cell>
          <cell r="H28" t="str">
            <v>B0-132251</v>
          </cell>
        </row>
        <row r="29">
          <cell r="B29">
            <v>210.3</v>
          </cell>
          <cell r="C29" t="str">
            <v>埋戻し</v>
          </cell>
          <cell r="D29" t="str">
            <v>小規模土工,ﾊﾞｯｸﾎｳ0.2m3</v>
          </cell>
          <cell r="E29">
            <v>3300</v>
          </cell>
          <cell r="F29">
            <v>1</v>
          </cell>
          <cell r="G29" t="str">
            <v>m3</v>
          </cell>
          <cell r="H29" t="str">
            <v>B0-132251</v>
          </cell>
        </row>
        <row r="30">
          <cell r="B30">
            <v>210.4</v>
          </cell>
          <cell r="C30" t="str">
            <v>埋戻し</v>
          </cell>
          <cell r="D30" t="str">
            <v>人力土工</v>
          </cell>
          <cell r="E30">
            <v>4120</v>
          </cell>
          <cell r="F30">
            <v>1</v>
          </cell>
          <cell r="G30" t="str">
            <v>m3</v>
          </cell>
          <cell r="H30" t="str">
            <v>B0-132251</v>
          </cell>
        </row>
        <row r="31">
          <cell r="B31">
            <v>211</v>
          </cell>
          <cell r="C31" t="str">
            <v>積込み</v>
          </cell>
          <cell r="D31" t="str">
            <v>小規模土工,ﾊﾞｯｸﾎｳ0.2m3</v>
          </cell>
          <cell r="E31">
            <v>588</v>
          </cell>
          <cell r="F31">
            <v>1</v>
          </cell>
          <cell r="G31" t="str">
            <v>m3</v>
          </cell>
          <cell r="H31" t="str">
            <v>B0-132612</v>
          </cell>
        </row>
        <row r="32">
          <cell r="B32">
            <v>212</v>
          </cell>
          <cell r="C32" t="str">
            <v>建設発生土運搬</v>
          </cell>
          <cell r="D32" t="str">
            <v>ﾀﾞﾝﾌﾟ4t,0.2km以下</v>
          </cell>
          <cell r="E32">
            <v>730</v>
          </cell>
          <cell r="F32">
            <v>1</v>
          </cell>
          <cell r="G32" t="str">
            <v>m3</v>
          </cell>
          <cell r="H32" t="str">
            <v>B0-132623</v>
          </cell>
        </row>
        <row r="33">
          <cell r="B33">
            <v>213</v>
          </cell>
          <cell r="C33" t="str">
            <v>敷きならし締固め</v>
          </cell>
          <cell r="D33" t="str">
            <v>ﾌﾞﾙ3t,振動ﾛｰﾗｰ2.5～2.8t</v>
          </cell>
          <cell r="E33">
            <v>932</v>
          </cell>
          <cell r="F33">
            <v>1</v>
          </cell>
          <cell r="G33" t="str">
            <v>m3</v>
          </cell>
          <cell r="H33" t="str">
            <v>B0-132247</v>
          </cell>
        </row>
        <row r="34">
          <cell r="B34">
            <v>213.5</v>
          </cell>
          <cell r="C34" t="str">
            <v>敷きならし</v>
          </cell>
          <cell r="D34" t="str">
            <v>ﾌﾞﾙﾄｰｻﾞ3t</v>
          </cell>
          <cell r="E34">
            <v>431</v>
          </cell>
          <cell r="F34">
            <v>1</v>
          </cell>
          <cell r="G34" t="str">
            <v>m3</v>
          </cell>
          <cell r="H34" t="str">
            <v>B0-132243</v>
          </cell>
        </row>
        <row r="35">
          <cell r="B35">
            <v>214</v>
          </cell>
          <cell r="C35" t="str">
            <v>人力敷きならし</v>
          </cell>
          <cell r="D35" t="str">
            <v>構内敷均し</v>
          </cell>
          <cell r="E35">
            <v>3690</v>
          </cell>
          <cell r="F35">
            <v>1</v>
          </cell>
          <cell r="G35" t="str">
            <v>m3</v>
          </cell>
          <cell r="H35" t="str">
            <v>B0-132244</v>
          </cell>
        </row>
        <row r="36">
          <cell r="B36">
            <v>214.1</v>
          </cell>
          <cell r="C36" t="str">
            <v>盛土</v>
          </cell>
          <cell r="D36" t="str">
            <v>ﾊﾞｯｸﾎｳ0.35m3</v>
          </cell>
          <cell r="E36">
            <v>1630</v>
          </cell>
          <cell r="F36">
            <v>1</v>
          </cell>
          <cell r="G36" t="str">
            <v>m3</v>
          </cell>
          <cell r="H36" t="str">
            <v>B0-132261</v>
          </cell>
        </row>
        <row r="37">
          <cell r="B37">
            <v>214.2</v>
          </cell>
          <cell r="C37" t="str">
            <v>盛土</v>
          </cell>
          <cell r="D37" t="str">
            <v>ﾊﾞｯｸﾎｳ0.6m3</v>
          </cell>
          <cell r="E37">
            <v>1430</v>
          </cell>
          <cell r="F37">
            <v>1</v>
          </cell>
          <cell r="G37" t="str">
            <v>m3</v>
          </cell>
          <cell r="H37" t="str">
            <v>B0-132261</v>
          </cell>
        </row>
        <row r="38">
          <cell r="B38">
            <v>214.3</v>
          </cell>
          <cell r="C38" t="str">
            <v>敷砂</v>
          </cell>
          <cell r="E38">
            <v>6050</v>
          </cell>
          <cell r="F38">
            <v>1</v>
          </cell>
          <cell r="G38" t="str">
            <v>m3</v>
          </cell>
          <cell r="H38" t="str">
            <v>B0-141211</v>
          </cell>
        </row>
        <row r="39">
          <cell r="B39">
            <v>215</v>
          </cell>
          <cell r="C39" t="str">
            <v>砂利地業</v>
          </cell>
          <cell r="E39">
            <v>5900</v>
          </cell>
          <cell r="F39">
            <v>1</v>
          </cell>
          <cell r="G39" t="str">
            <v>m3</v>
          </cell>
          <cell r="H39" t="str">
            <v>B1-133311</v>
          </cell>
        </row>
        <row r="40">
          <cell r="B40">
            <v>301</v>
          </cell>
          <cell r="C40" t="str">
            <v>生コンクリート</v>
          </cell>
          <cell r="D40" t="str">
            <v>18N/mm2</v>
          </cell>
          <cell r="E40">
            <v>9900</v>
          </cell>
          <cell r="F40">
            <v>1</v>
          </cell>
          <cell r="G40" t="str">
            <v>m3</v>
          </cell>
          <cell r="H40" t="str">
            <v>B1-134202</v>
          </cell>
        </row>
        <row r="41">
          <cell r="B41">
            <v>302</v>
          </cell>
          <cell r="C41" t="str">
            <v>生コンクリート</v>
          </cell>
          <cell r="D41" t="str">
            <v>21N/mm2</v>
          </cell>
          <cell r="E41">
            <v>10200</v>
          </cell>
          <cell r="F41">
            <v>1</v>
          </cell>
          <cell r="G41" t="str">
            <v>m3</v>
          </cell>
          <cell r="H41" t="str">
            <v>B1-134202</v>
          </cell>
        </row>
        <row r="42">
          <cell r="B42">
            <v>303</v>
          </cell>
          <cell r="C42" t="str">
            <v>ｺﾝｸﾘｰﾄ打設手間</v>
          </cell>
          <cell r="D42" t="str">
            <v>均し,ｼｭｰﾄ打</v>
          </cell>
          <cell r="E42">
            <v>3140</v>
          </cell>
          <cell r="F42">
            <v>1</v>
          </cell>
          <cell r="G42" t="str">
            <v>m3</v>
          </cell>
          <cell r="H42" t="str">
            <v>B0-134214</v>
          </cell>
        </row>
        <row r="43">
          <cell r="B43">
            <v>304</v>
          </cell>
          <cell r="C43" t="str">
            <v>ｺﾝｸﾘｰﾄ打設手間</v>
          </cell>
          <cell r="D43" t="str">
            <v>一般,ﾌﾞｰﾑ式,20m3未満</v>
          </cell>
          <cell r="E43">
            <v>2790</v>
          </cell>
          <cell r="F43">
            <v>1</v>
          </cell>
          <cell r="G43" t="str">
            <v>m3</v>
          </cell>
          <cell r="H43" t="str">
            <v>B0-134214</v>
          </cell>
        </row>
        <row r="44">
          <cell r="B44">
            <v>305</v>
          </cell>
          <cell r="C44" t="str">
            <v>ｺﾝｸﾘｰﾄ打設手間</v>
          </cell>
          <cell r="D44" t="str">
            <v>土間,ﾌﾞｰﾑ式,20m3未満</v>
          </cell>
          <cell r="E44">
            <v>863</v>
          </cell>
          <cell r="F44">
            <v>1</v>
          </cell>
          <cell r="G44" t="str">
            <v>m3</v>
          </cell>
          <cell r="H44" t="str">
            <v>B0-134214</v>
          </cell>
        </row>
        <row r="45">
          <cell r="B45">
            <v>306</v>
          </cell>
          <cell r="C45" t="str">
            <v>ｺﾝｸﾘｰﾄ打設手間</v>
          </cell>
          <cell r="D45" t="str">
            <v>耐圧,ﾌﾞｰﾑ式,20m3未満</v>
          </cell>
          <cell r="E45">
            <v>1250</v>
          </cell>
          <cell r="F45">
            <v>1</v>
          </cell>
          <cell r="G45" t="str">
            <v>m3</v>
          </cell>
          <cell r="H45" t="str">
            <v>B0-134214</v>
          </cell>
        </row>
        <row r="46">
          <cell r="B46">
            <v>307</v>
          </cell>
          <cell r="C46" t="str">
            <v>型枠</v>
          </cell>
          <cell r="D46" t="str">
            <v>独立基礎</v>
          </cell>
          <cell r="E46">
            <v>3300</v>
          </cell>
          <cell r="F46">
            <v>1</v>
          </cell>
          <cell r="G46" t="str">
            <v>m2</v>
          </cell>
          <cell r="H46" t="str">
            <v>B1-134415</v>
          </cell>
        </row>
        <row r="47">
          <cell r="B47">
            <v>308</v>
          </cell>
          <cell r="C47" t="str">
            <v>型枠</v>
          </cell>
          <cell r="D47" t="str">
            <v>布基礎</v>
          </cell>
          <cell r="E47">
            <v>3250</v>
          </cell>
          <cell r="F47">
            <v>1</v>
          </cell>
          <cell r="G47" t="str">
            <v>m2</v>
          </cell>
          <cell r="H47" t="str">
            <v>B1-134416</v>
          </cell>
        </row>
        <row r="48">
          <cell r="B48">
            <v>309</v>
          </cell>
          <cell r="C48" t="str">
            <v>異形鉄筋（材のみ）</v>
          </cell>
          <cell r="D48" t="str">
            <v>SD295A D10</v>
          </cell>
          <cell r="E48">
            <v>29000</v>
          </cell>
          <cell r="F48">
            <v>1</v>
          </cell>
          <cell r="G48" t="str">
            <v>t</v>
          </cell>
          <cell r="H48" t="str">
            <v>B1-136211</v>
          </cell>
        </row>
        <row r="49">
          <cell r="B49">
            <v>310</v>
          </cell>
          <cell r="C49" t="str">
            <v>異形鉄筋（材のみ）</v>
          </cell>
          <cell r="D49" t="str">
            <v>SD295A D13</v>
          </cell>
          <cell r="E49">
            <v>26900</v>
          </cell>
          <cell r="F49">
            <v>1</v>
          </cell>
          <cell r="G49" t="str">
            <v>t</v>
          </cell>
          <cell r="H49" t="str">
            <v>B1-136211</v>
          </cell>
        </row>
        <row r="50">
          <cell r="B50">
            <v>311</v>
          </cell>
          <cell r="C50" t="str">
            <v>異形鉄筋（材のみ）</v>
          </cell>
          <cell r="D50" t="str">
            <v>SD295A D16からD25</v>
          </cell>
          <cell r="E50">
            <v>24800</v>
          </cell>
          <cell r="F50">
            <v>1</v>
          </cell>
          <cell r="G50" t="str">
            <v>t</v>
          </cell>
          <cell r="H50" t="str">
            <v>B1-136211</v>
          </cell>
        </row>
        <row r="51">
          <cell r="B51">
            <v>312</v>
          </cell>
          <cell r="C51" t="str">
            <v>鉄筋加工組立</v>
          </cell>
          <cell r="D51" t="str">
            <v>RC 5t未満</v>
          </cell>
          <cell r="E51">
            <v>53000</v>
          </cell>
          <cell r="F51">
            <v>1</v>
          </cell>
          <cell r="G51" t="str">
            <v>t</v>
          </cell>
          <cell r="H51" t="str">
            <v>B1-136221</v>
          </cell>
        </row>
        <row r="52">
          <cell r="B52">
            <v>313</v>
          </cell>
          <cell r="C52" t="str">
            <v>天井化粧石膏ﾎﾞｰﾄﾞ</v>
          </cell>
          <cell r="D52" t="str">
            <v>t9.5,不燃</v>
          </cell>
          <cell r="E52">
            <v>1730</v>
          </cell>
          <cell r="F52">
            <v>1</v>
          </cell>
          <cell r="G52" t="str">
            <v>m2</v>
          </cell>
          <cell r="H52" t="str">
            <v>B0-238413</v>
          </cell>
        </row>
        <row r="54">
          <cell r="B54">
            <v>314</v>
          </cell>
          <cell r="C54" t="str">
            <v>軽鉄天井下地</v>
          </cell>
          <cell r="D54" t="str">
            <v>@360,下張り,19型</v>
          </cell>
          <cell r="E54">
            <v>1310</v>
          </cell>
          <cell r="F54">
            <v>1</v>
          </cell>
          <cell r="G54" t="str">
            <v>m2</v>
          </cell>
          <cell r="H54" t="str">
            <v>B0-235411</v>
          </cell>
        </row>
        <row r="55">
          <cell r="B55">
            <v>315</v>
          </cell>
        </row>
        <row r="56">
          <cell r="B56">
            <v>316</v>
          </cell>
          <cell r="C56" t="str">
            <v>ｺﾝｸﾘｰﾄﾎﾟﾝﾌﾟ車運転</v>
          </cell>
          <cell r="D56" t="str">
            <v>ﾌﾞｰﾑ式,20m3未満</v>
          </cell>
          <cell r="E56">
            <v>36</v>
          </cell>
          <cell r="F56">
            <v>1</v>
          </cell>
          <cell r="G56" t="str">
            <v>m3</v>
          </cell>
          <cell r="H56" t="str">
            <v>B0-134223</v>
          </cell>
        </row>
        <row r="57">
          <cell r="B57">
            <v>317</v>
          </cell>
          <cell r="C57" t="str">
            <v>ｺﾝｸﾘｰﾄﾎﾟﾝﾌﾟ車組立</v>
          </cell>
          <cell r="D57" t="str">
            <v>ﾌﾞｰﾑ式,20m3未満</v>
          </cell>
          <cell r="E57">
            <v>37400</v>
          </cell>
          <cell r="F57">
            <v>1</v>
          </cell>
          <cell r="G57" t="str">
            <v>台</v>
          </cell>
          <cell r="H57" t="str">
            <v>B0-134224</v>
          </cell>
        </row>
        <row r="58">
          <cell r="B58">
            <v>318</v>
          </cell>
          <cell r="C58" t="str">
            <v>床ﾓｻﾞｲｸﾀｲﾙ</v>
          </cell>
          <cell r="D58" t="str">
            <v>無ゆう,50mm角</v>
          </cell>
          <cell r="E58">
            <v>6810</v>
          </cell>
          <cell r="F58">
            <v>1</v>
          </cell>
          <cell r="G58" t="str">
            <v>m2</v>
          </cell>
          <cell r="H58" t="str">
            <v>B0-233254</v>
          </cell>
        </row>
        <row r="59">
          <cell r="B59">
            <v>319</v>
          </cell>
          <cell r="C59" t="str">
            <v>布基礎天端ﾓﾙﾀﾙ</v>
          </cell>
          <cell r="E59">
            <v>2070</v>
          </cell>
          <cell r="F59">
            <v>1</v>
          </cell>
          <cell r="G59" t="str">
            <v>m</v>
          </cell>
          <cell r="H59" t="str">
            <v>B0-236631</v>
          </cell>
        </row>
        <row r="60">
          <cell r="B60">
            <v>320</v>
          </cell>
          <cell r="C60" t="str">
            <v>布基礎幅木ﾓﾙﾀﾙ</v>
          </cell>
          <cell r="D60" t="str">
            <v>H&lt;150</v>
          </cell>
          <cell r="E60">
            <v>1340</v>
          </cell>
          <cell r="F60">
            <v>1</v>
          </cell>
          <cell r="G60" t="str">
            <v>m</v>
          </cell>
          <cell r="H60" t="str">
            <v>B0-236611</v>
          </cell>
        </row>
        <row r="61">
          <cell r="B61">
            <v>321</v>
          </cell>
          <cell r="C61" t="str">
            <v>布基礎幅木ﾓﾙﾀﾙ</v>
          </cell>
          <cell r="D61" t="str">
            <v>H=200</v>
          </cell>
          <cell r="E61">
            <v>1590</v>
          </cell>
          <cell r="F61">
            <v>1</v>
          </cell>
          <cell r="G61" t="str">
            <v>m</v>
          </cell>
          <cell r="H61" t="str">
            <v>B0-236611</v>
          </cell>
        </row>
        <row r="62">
          <cell r="B62">
            <v>322</v>
          </cell>
          <cell r="C62" t="str">
            <v>床ﾓﾙﾀﾙ</v>
          </cell>
          <cell r="E62">
            <v>2330</v>
          </cell>
          <cell r="F62">
            <v>1</v>
          </cell>
          <cell r="G62" t="str">
            <v>m2</v>
          </cell>
          <cell r="H62" t="str">
            <v>B0-236611</v>
          </cell>
        </row>
        <row r="63">
          <cell r="B63">
            <v>323</v>
          </cell>
          <cell r="C63" t="str">
            <v>ﾓｻﾞｲｸ下地ﾓﾙﾀﾙ</v>
          </cell>
          <cell r="E63">
            <v>1830</v>
          </cell>
          <cell r="F63">
            <v>1</v>
          </cell>
          <cell r="G63" t="str">
            <v>m2</v>
          </cell>
          <cell r="H63" t="str">
            <v>B0-236611</v>
          </cell>
        </row>
        <row r="64">
          <cell r="B64">
            <v>324</v>
          </cell>
        </row>
        <row r="65">
          <cell r="B65">
            <v>325</v>
          </cell>
          <cell r="C65" t="str">
            <v>ﾌｪﾝｽ撤去</v>
          </cell>
          <cell r="D65" t="str">
            <v>廃材処理含む,基礎共</v>
          </cell>
          <cell r="E65">
            <v>2160</v>
          </cell>
          <cell r="F65">
            <v>1</v>
          </cell>
          <cell r="G65" t="str">
            <v>m</v>
          </cell>
          <cell r="H65" t="str">
            <v>B1-351441</v>
          </cell>
        </row>
        <row r="66">
          <cell r="B66">
            <v>326</v>
          </cell>
          <cell r="C66" t="str">
            <v>ｱｽﾌｧﾙﾄ撤去</v>
          </cell>
          <cell r="D66" t="str">
            <v>廃材処理含む</v>
          </cell>
          <cell r="E66">
            <v>1000</v>
          </cell>
          <cell r="F66">
            <v>1</v>
          </cell>
          <cell r="G66" t="str">
            <v>m2</v>
          </cell>
          <cell r="H66" t="str">
            <v>B1-351442</v>
          </cell>
        </row>
        <row r="67">
          <cell r="B67">
            <v>327</v>
          </cell>
          <cell r="C67" t="str">
            <v>ｱｽﾌｧﾙﾄ舗装</v>
          </cell>
          <cell r="D67" t="str">
            <v>厚30(歩道用),掘削別途</v>
          </cell>
          <cell r="E67">
            <v>1360</v>
          </cell>
          <cell r="F67">
            <v>1</v>
          </cell>
          <cell r="G67" t="str">
            <v>m2</v>
          </cell>
          <cell r="H67" t="str">
            <v>B1-331011</v>
          </cell>
        </row>
        <row r="68">
          <cell r="B68">
            <v>328</v>
          </cell>
        </row>
        <row r="69">
          <cell r="B69">
            <v>329</v>
          </cell>
        </row>
        <row r="70">
          <cell r="B70">
            <v>330</v>
          </cell>
        </row>
        <row r="71">
          <cell r="B71">
            <v>331</v>
          </cell>
        </row>
        <row r="72">
          <cell r="B72">
            <v>332</v>
          </cell>
        </row>
        <row r="73">
          <cell r="B73">
            <v>350</v>
          </cell>
          <cell r="C73" t="str">
            <v>外壁ﾓｻﾞｲｸﾀｲﾙ</v>
          </cell>
          <cell r="D73" t="str">
            <v>50二丁,磁器質</v>
          </cell>
          <cell r="E73">
            <v>5500</v>
          </cell>
          <cell r="F73">
            <v>1</v>
          </cell>
          <cell r="G73" t="str">
            <v>m2</v>
          </cell>
          <cell r="H73" t="str">
            <v>刊行物比較一覧</v>
          </cell>
        </row>
        <row r="74">
          <cell r="C74" t="e">
            <v>#N/A</v>
          </cell>
          <cell r="D74" t="e">
            <v>#N/A</v>
          </cell>
          <cell r="E74" t="e">
            <v>#N/A</v>
          </cell>
          <cell r="F74">
            <v>1</v>
          </cell>
          <cell r="G74" t="e">
            <v>#N/A</v>
          </cell>
          <cell r="H74" t="str">
            <v>刊行物比較一覧</v>
          </cell>
        </row>
        <row r="75">
          <cell r="C75" t="e">
            <v>#N/A</v>
          </cell>
          <cell r="D75" t="e">
            <v>#N/A</v>
          </cell>
          <cell r="E75" t="e">
            <v>#N/A</v>
          </cell>
          <cell r="F75">
            <v>1</v>
          </cell>
          <cell r="G75" t="e">
            <v>#N/A</v>
          </cell>
          <cell r="H75" t="str">
            <v>刊行物比較一覧</v>
          </cell>
        </row>
        <row r="76">
          <cell r="C76" t="e">
            <v>#N/A</v>
          </cell>
          <cell r="D76" t="e">
            <v>#N/A</v>
          </cell>
          <cell r="E76" t="e">
            <v>#N/A</v>
          </cell>
          <cell r="F76">
            <v>1</v>
          </cell>
          <cell r="G76" t="e">
            <v>#N/A</v>
          </cell>
          <cell r="H76" t="str">
            <v>刊行物比較一覧</v>
          </cell>
        </row>
        <row r="77">
          <cell r="C77" t="e">
            <v>#N/A</v>
          </cell>
          <cell r="D77" t="e">
            <v>#N/A</v>
          </cell>
          <cell r="E77" t="e">
            <v>#N/A</v>
          </cell>
          <cell r="F77">
            <v>1</v>
          </cell>
          <cell r="G77" t="e">
            <v>#N/A</v>
          </cell>
          <cell r="H77" t="str">
            <v>刊行物比較一覧</v>
          </cell>
        </row>
        <row r="78">
          <cell r="C78" t="e">
            <v>#N/A</v>
          </cell>
          <cell r="D78" t="e">
            <v>#N/A</v>
          </cell>
          <cell r="E78" t="e">
            <v>#N/A</v>
          </cell>
          <cell r="F78">
            <v>1</v>
          </cell>
          <cell r="G78" t="e">
            <v>#N/A</v>
          </cell>
          <cell r="H78" t="str">
            <v>刊行物比較一覧</v>
          </cell>
        </row>
        <row r="79">
          <cell r="C79" t="e">
            <v>#N/A</v>
          </cell>
          <cell r="D79" t="e">
            <v>#N/A</v>
          </cell>
          <cell r="E79" t="e">
            <v>#N/A</v>
          </cell>
          <cell r="F79">
            <v>1</v>
          </cell>
          <cell r="G79" t="e">
            <v>#N/A</v>
          </cell>
          <cell r="H79" t="str">
            <v>刊行物比較一覧</v>
          </cell>
        </row>
        <row r="80">
          <cell r="C80" t="e">
            <v>#N/A</v>
          </cell>
          <cell r="D80" t="e">
            <v>#N/A</v>
          </cell>
          <cell r="E80" t="e">
            <v>#N/A</v>
          </cell>
          <cell r="F80">
            <v>1</v>
          </cell>
          <cell r="G80" t="e">
            <v>#N/A</v>
          </cell>
          <cell r="H80" t="str">
            <v>刊行物比較一覧</v>
          </cell>
        </row>
        <row r="81">
          <cell r="C81" t="e">
            <v>#N/A</v>
          </cell>
          <cell r="D81" t="e">
            <v>#N/A</v>
          </cell>
          <cell r="E81" t="e">
            <v>#N/A</v>
          </cell>
          <cell r="F81">
            <v>1</v>
          </cell>
          <cell r="G81" t="e">
            <v>#N/A</v>
          </cell>
          <cell r="H81" t="str">
            <v>刊行物比較一覧</v>
          </cell>
        </row>
        <row r="82">
          <cell r="C82" t="e">
            <v>#N/A</v>
          </cell>
          <cell r="D82" t="e">
            <v>#N/A</v>
          </cell>
          <cell r="E82" t="e">
            <v>#N/A</v>
          </cell>
          <cell r="F82">
            <v>1</v>
          </cell>
          <cell r="G82" t="e">
            <v>#N/A</v>
          </cell>
          <cell r="H82" t="str">
            <v>刊行物比較一覧</v>
          </cell>
        </row>
        <row r="83">
          <cell r="C83" t="e">
            <v>#N/A</v>
          </cell>
          <cell r="D83" t="e">
            <v>#N/A</v>
          </cell>
          <cell r="E83" t="e">
            <v>#N/A</v>
          </cell>
          <cell r="F83">
            <v>1</v>
          </cell>
          <cell r="G83" t="e">
            <v>#N/A</v>
          </cell>
          <cell r="H83" t="str">
            <v>刊行物比較一覧</v>
          </cell>
        </row>
        <row r="84">
          <cell r="B84">
            <v>401</v>
          </cell>
          <cell r="C84" t="str">
            <v>鋼矢板工法</v>
          </cell>
          <cell r="D84" t="str">
            <v>１段,Ⅲ型,ﾊﾞｲﾌﾞﾛ,2ヶ月</v>
          </cell>
          <cell r="E84">
            <v>16900</v>
          </cell>
          <cell r="F84">
            <v>1</v>
          </cell>
          <cell r="G84" t="str">
            <v>壁m2</v>
          </cell>
          <cell r="H84" t="str">
            <v>市場単価一覧</v>
          </cell>
        </row>
        <row r="85">
          <cell r="B85">
            <v>402</v>
          </cell>
          <cell r="C85" t="str">
            <v>鋼製腹起し切ばり</v>
          </cell>
          <cell r="D85" t="str">
            <v>1段,2ヶ月</v>
          </cell>
          <cell r="E85">
            <v>6230</v>
          </cell>
          <cell r="F85">
            <v>1</v>
          </cell>
          <cell r="G85" t="str">
            <v>延伏m2</v>
          </cell>
          <cell r="H85" t="str">
            <v>市場単価一覧</v>
          </cell>
        </row>
        <row r="86">
          <cell r="B86">
            <v>403</v>
          </cell>
          <cell r="C86" t="e">
            <v>#N/A</v>
          </cell>
          <cell r="D86" t="e">
            <v>#N/A</v>
          </cell>
          <cell r="E86" t="e">
            <v>#N/A</v>
          </cell>
          <cell r="F86">
            <v>1</v>
          </cell>
          <cell r="G86" t="e">
            <v>#N/A</v>
          </cell>
          <cell r="H86" t="str">
            <v>市場単価一覧</v>
          </cell>
        </row>
        <row r="87">
          <cell r="B87">
            <v>404</v>
          </cell>
          <cell r="C87" t="e">
            <v>#N/A</v>
          </cell>
          <cell r="D87" t="e">
            <v>#N/A</v>
          </cell>
          <cell r="E87" t="e">
            <v>#N/A</v>
          </cell>
          <cell r="F87">
            <v>1</v>
          </cell>
          <cell r="G87" t="e">
            <v>#N/A</v>
          </cell>
          <cell r="H87" t="str">
            <v>市場単価一覧</v>
          </cell>
        </row>
        <row r="88">
          <cell r="B88">
            <v>405</v>
          </cell>
          <cell r="C88" t="e">
            <v>#N/A</v>
          </cell>
          <cell r="D88" t="e">
            <v>#N/A</v>
          </cell>
          <cell r="E88" t="e">
            <v>#N/A</v>
          </cell>
          <cell r="F88">
            <v>1</v>
          </cell>
          <cell r="G88" t="e">
            <v>#N/A</v>
          </cell>
          <cell r="H88" t="str">
            <v>市場単価一覧</v>
          </cell>
        </row>
        <row r="89">
          <cell r="B89">
            <v>406</v>
          </cell>
          <cell r="C89" t="e">
            <v>#N/A</v>
          </cell>
          <cell r="D89" t="e">
            <v>#N/A</v>
          </cell>
          <cell r="E89" t="e">
            <v>#N/A</v>
          </cell>
          <cell r="F89">
            <v>1</v>
          </cell>
          <cell r="G89" t="e">
            <v>#N/A</v>
          </cell>
          <cell r="H89" t="str">
            <v>市場単価一覧</v>
          </cell>
        </row>
        <row r="90">
          <cell r="B90">
            <v>407</v>
          </cell>
          <cell r="C90" t="e">
            <v>#N/A</v>
          </cell>
          <cell r="D90" t="e">
            <v>#N/A</v>
          </cell>
          <cell r="E90" t="e">
            <v>#N/A</v>
          </cell>
          <cell r="F90">
            <v>1</v>
          </cell>
          <cell r="G90" t="e">
            <v>#N/A</v>
          </cell>
          <cell r="H90" t="str">
            <v>市場単価一覧</v>
          </cell>
        </row>
        <row r="91">
          <cell r="B91">
            <v>408</v>
          </cell>
          <cell r="C91" t="e">
            <v>#N/A</v>
          </cell>
          <cell r="D91" t="e">
            <v>#N/A</v>
          </cell>
          <cell r="E91" t="e">
            <v>#N/A</v>
          </cell>
          <cell r="F91">
            <v>1</v>
          </cell>
          <cell r="G91" t="e">
            <v>#N/A</v>
          </cell>
          <cell r="H91" t="str">
            <v>市場単価一覧</v>
          </cell>
        </row>
        <row r="92">
          <cell r="B92">
            <v>409</v>
          </cell>
          <cell r="C92" t="e">
            <v>#N/A</v>
          </cell>
          <cell r="D92" t="e">
            <v>#N/A</v>
          </cell>
          <cell r="E92" t="e">
            <v>#N/A</v>
          </cell>
          <cell r="F92">
            <v>1</v>
          </cell>
          <cell r="G92" t="e">
            <v>#N/A</v>
          </cell>
          <cell r="H92" t="str">
            <v>市場単価一覧</v>
          </cell>
        </row>
        <row r="93">
          <cell r="B93">
            <v>410</v>
          </cell>
        </row>
        <row r="94">
          <cell r="B94">
            <v>501</v>
          </cell>
          <cell r="C94" t="e">
            <v>#N/A</v>
          </cell>
          <cell r="D94" t="e">
            <v>#N/A</v>
          </cell>
          <cell r="E94" t="e">
            <v>#N/A</v>
          </cell>
          <cell r="F94" t="e">
            <v>#N/A</v>
          </cell>
          <cell r="G94" t="e">
            <v>#N/A</v>
          </cell>
          <cell r="H94" t="str">
            <v>見積×0.8</v>
          </cell>
        </row>
        <row r="95">
          <cell r="B95">
            <v>502</v>
          </cell>
          <cell r="C95" t="str">
            <v>ｱﾝｶｰﾎﾞﾙﾄ(SUS304)</v>
          </cell>
          <cell r="D95" t="str">
            <v>M10,350L,N2W2</v>
          </cell>
          <cell r="E95">
            <v>480</v>
          </cell>
          <cell r="F95">
            <v>1</v>
          </cell>
          <cell r="G95" t="str">
            <v>m2</v>
          </cell>
          <cell r="H95" t="str">
            <v>見積×0.8</v>
          </cell>
        </row>
        <row r="96">
          <cell r="B96">
            <v>503</v>
          </cell>
          <cell r="C96" t="str">
            <v>布基礎ｱﾝｶｰ打設</v>
          </cell>
          <cell r="D96" t="str">
            <v>手間のみ</v>
          </cell>
          <cell r="E96">
            <v>1200</v>
          </cell>
          <cell r="F96">
            <v>1</v>
          </cell>
          <cell r="G96" t="str">
            <v>m2</v>
          </cell>
          <cell r="H96" t="str">
            <v>見積×0.8</v>
          </cell>
        </row>
        <row r="97">
          <cell r="B97">
            <v>504</v>
          </cell>
          <cell r="C97" t="e">
            <v>#N/A</v>
          </cell>
          <cell r="D97" t="e">
            <v>#N/A</v>
          </cell>
          <cell r="E97" t="e">
            <v>#N/A</v>
          </cell>
          <cell r="F97" t="e">
            <v>#N/A</v>
          </cell>
          <cell r="G97" t="e">
            <v>#N/A</v>
          </cell>
          <cell r="H97" t="str">
            <v>見積×0.8</v>
          </cell>
        </row>
        <row r="98">
          <cell r="B98">
            <v>505</v>
          </cell>
          <cell r="C98" t="e">
            <v>#N/A</v>
          </cell>
          <cell r="D98" t="e">
            <v>#N/A</v>
          </cell>
          <cell r="E98" t="e">
            <v>#N/A</v>
          </cell>
          <cell r="F98" t="e">
            <v>#N/A</v>
          </cell>
          <cell r="G98" t="e">
            <v>#N/A</v>
          </cell>
          <cell r="H98" t="str">
            <v>見積×0.8</v>
          </cell>
        </row>
        <row r="99">
          <cell r="B99">
            <v>506</v>
          </cell>
          <cell r="C99" t="e">
            <v>#N/A</v>
          </cell>
          <cell r="D99" t="e">
            <v>#N/A</v>
          </cell>
          <cell r="E99" t="e">
            <v>#N/A</v>
          </cell>
          <cell r="F99" t="e">
            <v>#N/A</v>
          </cell>
          <cell r="G99" t="e">
            <v>#N/A</v>
          </cell>
          <cell r="H99" t="str">
            <v>見積×0.8</v>
          </cell>
        </row>
        <row r="100">
          <cell r="B100">
            <v>507</v>
          </cell>
          <cell r="C100" t="e">
            <v>#N/A</v>
          </cell>
          <cell r="D100" t="e">
            <v>#N/A</v>
          </cell>
          <cell r="E100" t="e">
            <v>#N/A</v>
          </cell>
          <cell r="F100" t="e">
            <v>#N/A</v>
          </cell>
          <cell r="G100" t="e">
            <v>#N/A</v>
          </cell>
          <cell r="H100" t="str">
            <v>見積×0.8</v>
          </cell>
        </row>
        <row r="101">
          <cell r="B101">
            <v>508</v>
          </cell>
          <cell r="C101" t="e">
            <v>#N/A</v>
          </cell>
          <cell r="D101" t="e">
            <v>#N/A</v>
          </cell>
          <cell r="E101" t="e">
            <v>#N/A</v>
          </cell>
          <cell r="F101" t="e">
            <v>#N/A</v>
          </cell>
          <cell r="G101" t="e">
            <v>#N/A</v>
          </cell>
          <cell r="H101" t="str">
            <v>見積×0.8</v>
          </cell>
        </row>
        <row r="102">
          <cell r="B102">
            <v>509</v>
          </cell>
          <cell r="C102" t="e">
            <v>#N/A</v>
          </cell>
          <cell r="D102" t="e">
            <v>#N/A</v>
          </cell>
          <cell r="E102" t="e">
            <v>#N/A</v>
          </cell>
          <cell r="F102" t="e">
            <v>#N/A</v>
          </cell>
          <cell r="G102" t="e">
            <v>#N/A</v>
          </cell>
          <cell r="H102" t="str">
            <v>見積×0.8</v>
          </cell>
        </row>
        <row r="103">
          <cell r="B103">
            <v>510</v>
          </cell>
          <cell r="C103" t="e">
            <v>#N/A</v>
          </cell>
          <cell r="D103" t="e">
            <v>#N/A</v>
          </cell>
          <cell r="E103" t="e">
            <v>#N/A</v>
          </cell>
          <cell r="F103" t="e">
            <v>#N/A</v>
          </cell>
          <cell r="G103" t="e">
            <v>#N/A</v>
          </cell>
          <cell r="H103" t="str">
            <v>見積×0.8</v>
          </cell>
        </row>
        <row r="104">
          <cell r="B104">
            <v>511</v>
          </cell>
          <cell r="C104" t="e">
            <v>#N/A</v>
          </cell>
          <cell r="D104" t="e">
            <v>#N/A</v>
          </cell>
          <cell r="E104" t="e">
            <v>#N/A</v>
          </cell>
          <cell r="F104" t="e">
            <v>#N/A</v>
          </cell>
          <cell r="G104" t="e">
            <v>#N/A</v>
          </cell>
          <cell r="H104" t="str">
            <v>見積×0.8</v>
          </cell>
        </row>
        <row r="105">
          <cell r="B105">
            <v>512</v>
          </cell>
          <cell r="C105" t="e">
            <v>#N/A</v>
          </cell>
          <cell r="D105" t="e">
            <v>#N/A</v>
          </cell>
          <cell r="E105" t="e">
            <v>#N/A</v>
          </cell>
          <cell r="F105" t="e">
            <v>#N/A</v>
          </cell>
          <cell r="G105" t="e">
            <v>#N/A</v>
          </cell>
          <cell r="H105" t="str">
            <v>見積×0.8</v>
          </cell>
        </row>
        <row r="106">
          <cell r="B106">
            <v>513</v>
          </cell>
          <cell r="C106" t="e">
            <v>#N/A</v>
          </cell>
          <cell r="D106" t="e">
            <v>#N/A</v>
          </cell>
          <cell r="E106" t="e">
            <v>#N/A</v>
          </cell>
          <cell r="F106" t="e">
            <v>#N/A</v>
          </cell>
          <cell r="G106" t="e">
            <v>#N/A</v>
          </cell>
          <cell r="H106" t="str">
            <v>見積×0.8</v>
          </cell>
        </row>
        <row r="107">
          <cell r="B107">
            <v>514</v>
          </cell>
          <cell r="C107" t="e">
            <v>#N/A</v>
          </cell>
          <cell r="D107" t="e">
            <v>#N/A</v>
          </cell>
          <cell r="E107" t="e">
            <v>#N/A</v>
          </cell>
          <cell r="F107" t="e">
            <v>#N/A</v>
          </cell>
          <cell r="G107" t="e">
            <v>#N/A</v>
          </cell>
          <cell r="H107" t="str">
            <v>見積×0.8</v>
          </cell>
        </row>
        <row r="108">
          <cell r="B108">
            <v>515</v>
          </cell>
          <cell r="C108" t="e">
            <v>#N/A</v>
          </cell>
          <cell r="D108" t="e">
            <v>#N/A</v>
          </cell>
          <cell r="E108" t="e">
            <v>#N/A</v>
          </cell>
          <cell r="F108" t="e">
            <v>#N/A</v>
          </cell>
          <cell r="G108" t="e">
            <v>#N/A</v>
          </cell>
          <cell r="H108" t="str">
            <v>見積×0.8</v>
          </cell>
        </row>
        <row r="109">
          <cell r="B109">
            <v>516</v>
          </cell>
          <cell r="C109" t="e">
            <v>#N/A</v>
          </cell>
          <cell r="D109" t="e">
            <v>#N/A</v>
          </cell>
          <cell r="E109" t="e">
            <v>#N/A</v>
          </cell>
          <cell r="F109" t="e">
            <v>#N/A</v>
          </cell>
          <cell r="G109" t="e">
            <v>#N/A</v>
          </cell>
          <cell r="H109" t="str">
            <v>見積×0.8</v>
          </cell>
        </row>
        <row r="110">
          <cell r="B110">
            <v>517</v>
          </cell>
          <cell r="C110" t="e">
            <v>#N/A</v>
          </cell>
          <cell r="D110" t="e">
            <v>#N/A</v>
          </cell>
          <cell r="E110" t="e">
            <v>#N/A</v>
          </cell>
          <cell r="F110" t="e">
            <v>#N/A</v>
          </cell>
          <cell r="G110" t="e">
            <v>#N/A</v>
          </cell>
          <cell r="H110" t="str">
            <v>見積×0.8</v>
          </cell>
        </row>
        <row r="111">
          <cell r="B111">
            <v>518</v>
          </cell>
          <cell r="C111" t="e">
            <v>#N/A</v>
          </cell>
          <cell r="D111" t="e">
            <v>#N/A</v>
          </cell>
          <cell r="E111" t="e">
            <v>#N/A</v>
          </cell>
          <cell r="F111" t="e">
            <v>#N/A</v>
          </cell>
          <cell r="G111" t="e">
            <v>#N/A</v>
          </cell>
          <cell r="H111" t="str">
            <v>見積×0.8</v>
          </cell>
        </row>
        <row r="112">
          <cell r="B112">
            <v>519</v>
          </cell>
          <cell r="C112" t="e">
            <v>#N/A</v>
          </cell>
          <cell r="D112" t="e">
            <v>#N/A</v>
          </cell>
          <cell r="E112" t="e">
            <v>#N/A</v>
          </cell>
          <cell r="F112" t="e">
            <v>#N/A</v>
          </cell>
          <cell r="G112" t="e">
            <v>#N/A</v>
          </cell>
          <cell r="H112" t="str">
            <v>見積×0.8</v>
          </cell>
        </row>
        <row r="113">
          <cell r="B113">
            <v>520</v>
          </cell>
          <cell r="C113" t="e">
            <v>#N/A</v>
          </cell>
          <cell r="D113" t="e">
            <v>#N/A</v>
          </cell>
          <cell r="E113" t="e">
            <v>#N/A</v>
          </cell>
          <cell r="F113" t="e">
            <v>#N/A</v>
          </cell>
          <cell r="G113" t="e">
            <v>#N/A</v>
          </cell>
          <cell r="H113" t="str">
            <v>見積×0.8</v>
          </cell>
        </row>
        <row r="114">
          <cell r="B114">
            <v>521</v>
          </cell>
          <cell r="C114" t="str">
            <v>屋根ﾊﾟﾈﾙ　2ｲﾝﾁ</v>
          </cell>
          <cell r="D114" t="str">
            <v>50.8t ST</v>
          </cell>
          <cell r="E114">
            <v>8720</v>
          </cell>
          <cell r="F114">
            <v>1</v>
          </cell>
          <cell r="G114" t="str">
            <v>m2</v>
          </cell>
          <cell r="H114" t="str">
            <v>見積×0.8</v>
          </cell>
        </row>
        <row r="115">
          <cell r="B115">
            <v>522</v>
          </cell>
          <cell r="C115" t="str">
            <v>壁ﾊﾟﾈﾙ</v>
          </cell>
          <cell r="D115" t="str">
            <v>50.8t 標準仕様</v>
          </cell>
          <cell r="E115">
            <v>15280</v>
          </cell>
          <cell r="F115">
            <v>1</v>
          </cell>
          <cell r="G115" t="str">
            <v>m2</v>
          </cell>
          <cell r="H115" t="str">
            <v>見積×0.8</v>
          </cell>
        </row>
        <row r="116">
          <cell r="B116">
            <v>523</v>
          </cell>
          <cell r="C116" t="str">
            <v>新袖壁(A)ﾋﾝｼﾞ付</v>
          </cell>
          <cell r="D116" t="str">
            <v>50.8t 標準仕様</v>
          </cell>
          <cell r="E116">
            <v>13360</v>
          </cell>
          <cell r="F116">
            <v>1</v>
          </cell>
          <cell r="G116" t="str">
            <v>枚</v>
          </cell>
          <cell r="H116" t="str">
            <v>見積×0.8</v>
          </cell>
        </row>
        <row r="117">
          <cell r="B117">
            <v>524</v>
          </cell>
          <cell r="C117" t="str">
            <v>新袖壁(B)ﾋｮｳｼﾞｷ付</v>
          </cell>
          <cell r="D117" t="str">
            <v>50.8t,1.2*2.2</v>
          </cell>
          <cell r="E117">
            <v>18160</v>
          </cell>
          <cell r="F117">
            <v>1</v>
          </cell>
          <cell r="G117" t="str">
            <v>枚</v>
          </cell>
          <cell r="H117" t="str">
            <v>見積×0.8</v>
          </cell>
        </row>
        <row r="118">
          <cell r="B118">
            <v>525</v>
          </cell>
          <cell r="C118" t="str">
            <v>新袖壁(B)ﾋｮｳｼﾞｷ付</v>
          </cell>
          <cell r="D118" t="str">
            <v>50.8t,1.0*2.2</v>
          </cell>
          <cell r="E118">
            <v>13040</v>
          </cell>
          <cell r="F118">
            <v>1</v>
          </cell>
          <cell r="G118" t="str">
            <v>枚</v>
          </cell>
          <cell r="H118" t="str">
            <v>見積×0.8</v>
          </cell>
        </row>
        <row r="119">
          <cell r="B119">
            <v>526</v>
          </cell>
          <cell r="C119" t="str">
            <v>棚パネル</v>
          </cell>
          <cell r="D119" t="str">
            <v>35.0t(210×2100)</v>
          </cell>
          <cell r="E119">
            <v>15520</v>
          </cell>
          <cell r="F119">
            <v>1</v>
          </cell>
          <cell r="G119" t="str">
            <v>枚</v>
          </cell>
          <cell r="H119" t="str">
            <v>見積×0.8</v>
          </cell>
        </row>
        <row r="120">
          <cell r="B120">
            <v>527</v>
          </cell>
          <cell r="C120" t="str">
            <v>棚パネル</v>
          </cell>
          <cell r="D120" t="str">
            <v>35.0t(210×1410)</v>
          </cell>
          <cell r="E120">
            <v>13200</v>
          </cell>
          <cell r="F120">
            <v>1</v>
          </cell>
          <cell r="G120" t="str">
            <v>枚</v>
          </cell>
          <cell r="H120" t="str">
            <v>見積×0.8</v>
          </cell>
        </row>
        <row r="121">
          <cell r="B121">
            <v>528</v>
          </cell>
          <cell r="C121" t="str">
            <v>棚パネル</v>
          </cell>
          <cell r="D121" t="str">
            <v>35.0t(210×810)</v>
          </cell>
          <cell r="E121">
            <v>10720</v>
          </cell>
          <cell r="F121">
            <v>1</v>
          </cell>
          <cell r="G121" t="str">
            <v>枚</v>
          </cell>
          <cell r="H121" t="str">
            <v>見積×0.8</v>
          </cell>
        </row>
        <row r="122">
          <cell r="B122">
            <v>529</v>
          </cell>
          <cell r="C122" t="str">
            <v>パネル建て方費</v>
          </cell>
          <cell r="D122" t="str">
            <v>屋根パネル</v>
          </cell>
          <cell r="E122">
            <v>4160</v>
          </cell>
          <cell r="F122">
            <v>1</v>
          </cell>
          <cell r="G122" t="str">
            <v>m2</v>
          </cell>
          <cell r="H122" t="str">
            <v>見積×0.8</v>
          </cell>
        </row>
        <row r="123">
          <cell r="B123">
            <v>530</v>
          </cell>
          <cell r="C123" t="str">
            <v>パネル建て方費</v>
          </cell>
          <cell r="D123" t="str">
            <v>壁パネル</v>
          </cell>
          <cell r="E123">
            <v>3040</v>
          </cell>
          <cell r="F123">
            <v>1</v>
          </cell>
          <cell r="G123" t="str">
            <v>m2</v>
          </cell>
          <cell r="H123" t="str">
            <v>見積×0.8</v>
          </cell>
        </row>
        <row r="124">
          <cell r="B124">
            <v>531</v>
          </cell>
          <cell r="C124" t="e">
            <v>#N/A</v>
          </cell>
          <cell r="D124" t="e">
            <v>#N/A</v>
          </cell>
          <cell r="E124" t="e">
            <v>#N/A</v>
          </cell>
          <cell r="F124" t="e">
            <v>#N/A</v>
          </cell>
          <cell r="G124" t="e">
            <v>#N/A</v>
          </cell>
          <cell r="H124" t="str">
            <v>見積×0.8</v>
          </cell>
        </row>
        <row r="125">
          <cell r="B125">
            <v>532</v>
          </cell>
          <cell r="C125" t="e">
            <v>#N/A</v>
          </cell>
          <cell r="D125" t="e">
            <v>#N/A</v>
          </cell>
          <cell r="E125" t="e">
            <v>#N/A</v>
          </cell>
          <cell r="F125" t="e">
            <v>#N/A</v>
          </cell>
          <cell r="G125" t="e">
            <v>#N/A</v>
          </cell>
          <cell r="H125" t="str">
            <v>見積×0.8</v>
          </cell>
        </row>
        <row r="126">
          <cell r="B126">
            <v>533</v>
          </cell>
          <cell r="C126" t="str">
            <v>ﾍﾞｰｽﾁｬﾝﾈﾙ</v>
          </cell>
          <cell r="D126" t="str">
            <v>ｱﾙﾐ材</v>
          </cell>
          <cell r="E126">
            <v>3192</v>
          </cell>
          <cell r="F126">
            <v>1</v>
          </cell>
          <cell r="G126" t="str">
            <v>m</v>
          </cell>
          <cell r="H126" t="str">
            <v>見積×0.8</v>
          </cell>
        </row>
        <row r="127">
          <cell r="B127">
            <v>534</v>
          </cell>
          <cell r="C127" t="str">
            <v>ｹﾞｰﾌﾞﾙ</v>
          </cell>
          <cell r="D127" t="str">
            <v>ｱﾙﾐ材</v>
          </cell>
          <cell r="E127">
            <v>3632</v>
          </cell>
          <cell r="F127">
            <v>1</v>
          </cell>
          <cell r="G127" t="str">
            <v>m</v>
          </cell>
          <cell r="H127" t="str">
            <v>見積×0.8</v>
          </cell>
        </row>
        <row r="128">
          <cell r="B128">
            <v>535</v>
          </cell>
          <cell r="C128" t="str">
            <v>ｲｰﾌﾞﾁｬﾝﾈﾙ</v>
          </cell>
          <cell r="D128" t="str">
            <v>ｱﾙﾐ材</v>
          </cell>
          <cell r="E128">
            <v>3344</v>
          </cell>
          <cell r="F128">
            <v>1</v>
          </cell>
          <cell r="G128" t="str">
            <v>m</v>
          </cell>
          <cell r="H128" t="str">
            <v>見積×0.8</v>
          </cell>
        </row>
        <row r="129">
          <cell r="B129">
            <v>536</v>
          </cell>
          <cell r="C129" t="str">
            <v>ﾘｯﾁﾋﾞｰﾑ</v>
          </cell>
          <cell r="D129" t="str">
            <v>ｱﾙﾐ材</v>
          </cell>
          <cell r="E129">
            <v>5040</v>
          </cell>
          <cell r="F129">
            <v>1</v>
          </cell>
          <cell r="G129" t="str">
            <v>m</v>
          </cell>
          <cell r="H129" t="str">
            <v>見積×0.8</v>
          </cell>
        </row>
        <row r="130">
          <cell r="B130">
            <v>537</v>
          </cell>
          <cell r="C130" t="str">
            <v>内・ｷｬｯﾌﾟ</v>
          </cell>
          <cell r="D130" t="str">
            <v>ｱﾙﾐ材,角型</v>
          </cell>
          <cell r="E130">
            <v>1352</v>
          </cell>
          <cell r="F130">
            <v>1</v>
          </cell>
          <cell r="G130" t="str">
            <v>m</v>
          </cell>
          <cell r="H130" t="str">
            <v>見積×0.8</v>
          </cell>
        </row>
        <row r="131">
          <cell r="B131">
            <v>538</v>
          </cell>
          <cell r="C131" t="str">
            <v>Rｷｬｯﾌﾟ</v>
          </cell>
          <cell r="D131" t="str">
            <v>ｱﾙﾐ材,R型</v>
          </cell>
          <cell r="E131">
            <v>1320</v>
          </cell>
          <cell r="F131">
            <v>1</v>
          </cell>
          <cell r="G131" t="str">
            <v>m</v>
          </cell>
          <cell r="H131" t="str">
            <v>見積×0.8</v>
          </cell>
        </row>
        <row r="132">
          <cell r="B132">
            <v>539</v>
          </cell>
          <cell r="C132" t="str">
            <v>外・ｷｬｯﾌﾟ</v>
          </cell>
          <cell r="D132" t="str">
            <v>ｱﾙﾐ材</v>
          </cell>
          <cell r="E132">
            <v>1280</v>
          </cell>
          <cell r="F132">
            <v>1</v>
          </cell>
          <cell r="G132" t="str">
            <v>m</v>
          </cell>
          <cell r="H132" t="str">
            <v>見積×0.8</v>
          </cell>
        </row>
        <row r="133">
          <cell r="B133">
            <v>540</v>
          </cell>
          <cell r="C133" t="str">
            <v>大便除ﾄﾞｱ枠</v>
          </cell>
          <cell r="D133" t="str">
            <v>ｱﾙﾐ材</v>
          </cell>
          <cell r="E133">
            <v>3672</v>
          </cell>
          <cell r="F133">
            <v>1</v>
          </cell>
          <cell r="G133" t="str">
            <v>m</v>
          </cell>
          <cell r="H133" t="str">
            <v>見積×0.8</v>
          </cell>
        </row>
        <row r="134">
          <cell r="B134">
            <v>541</v>
          </cell>
          <cell r="C134" t="str">
            <v>ｺｰﾅｰﾎﾟｽﾄ</v>
          </cell>
          <cell r="D134" t="str">
            <v>ｱﾙﾐ材</v>
          </cell>
          <cell r="E134">
            <v>3280</v>
          </cell>
          <cell r="F134">
            <v>1</v>
          </cell>
          <cell r="G134" t="str">
            <v>m</v>
          </cell>
          <cell r="H134" t="str">
            <v>見積×0.8</v>
          </cell>
        </row>
        <row r="135">
          <cell r="B135">
            <v>542</v>
          </cell>
          <cell r="C135" t="str">
            <v>ﾌｪｲｼｬｰ</v>
          </cell>
          <cell r="D135" t="str">
            <v>ｱﾙﾐ材</v>
          </cell>
          <cell r="E135">
            <v>2904</v>
          </cell>
          <cell r="F135">
            <v>1</v>
          </cell>
          <cell r="G135" t="str">
            <v>m</v>
          </cell>
          <cell r="H135" t="str">
            <v>見積×0.8</v>
          </cell>
        </row>
        <row r="136">
          <cell r="B136">
            <v>543</v>
          </cell>
          <cell r="C136" t="str">
            <v>Gｷｬｯﾌﾟ</v>
          </cell>
          <cell r="D136" t="str">
            <v>ｱﾙﾐ材</v>
          </cell>
          <cell r="E136">
            <v>784</v>
          </cell>
          <cell r="F136">
            <v>1</v>
          </cell>
          <cell r="G136" t="str">
            <v>m</v>
          </cell>
          <cell r="H136" t="str">
            <v>見積×0.8</v>
          </cell>
        </row>
        <row r="137">
          <cell r="B137">
            <v>544</v>
          </cell>
          <cell r="C137" t="str">
            <v>Gｷｬｯﾌﾟ（角ﾊﾟｲﾌﾟ）</v>
          </cell>
          <cell r="D137" t="str">
            <v>ｱﾙﾐ材,50×25×2.5</v>
          </cell>
          <cell r="E137">
            <v>1816</v>
          </cell>
          <cell r="F137">
            <v>1</v>
          </cell>
          <cell r="G137" t="str">
            <v>m</v>
          </cell>
          <cell r="H137" t="str">
            <v>見積×0.8</v>
          </cell>
        </row>
        <row r="138">
          <cell r="B138">
            <v>545</v>
          </cell>
          <cell r="C138" t="str">
            <v>角ﾊﾟｲﾌﾟ</v>
          </cell>
          <cell r="D138" t="str">
            <v>ｱﾙﾐ材,50×38×2</v>
          </cell>
          <cell r="E138">
            <v>2840</v>
          </cell>
          <cell r="F138">
            <v>1</v>
          </cell>
          <cell r="G138" t="str">
            <v>m</v>
          </cell>
          <cell r="H138" t="str">
            <v>見積×0.8</v>
          </cell>
        </row>
        <row r="139">
          <cell r="B139">
            <v>546</v>
          </cell>
          <cell r="C139" t="str">
            <v>組込み型材（A）</v>
          </cell>
          <cell r="D139" t="str">
            <v>ｱﾙﾐ材</v>
          </cell>
          <cell r="E139">
            <v>872</v>
          </cell>
          <cell r="F139">
            <v>1</v>
          </cell>
          <cell r="G139" t="str">
            <v>m</v>
          </cell>
          <cell r="H139" t="str">
            <v>見積×0.8</v>
          </cell>
        </row>
        <row r="140">
          <cell r="B140">
            <v>547</v>
          </cell>
          <cell r="C140" t="str">
            <v>組込み型材（新型）</v>
          </cell>
          <cell r="D140" t="str">
            <v>ｱﾙﾐ材</v>
          </cell>
          <cell r="E140">
            <v>2640</v>
          </cell>
          <cell r="F140">
            <v>1</v>
          </cell>
          <cell r="G140" t="str">
            <v>m</v>
          </cell>
          <cell r="H140" t="str">
            <v>見積×0.8</v>
          </cell>
        </row>
        <row r="141">
          <cell r="B141">
            <v>548</v>
          </cell>
          <cell r="C141" t="str">
            <v>ｱﾝｸﾞﾙ</v>
          </cell>
          <cell r="D141" t="str">
            <v>ｱﾙﾐ材,30×30×2</v>
          </cell>
          <cell r="E141">
            <v>944</v>
          </cell>
          <cell r="F141">
            <v>1</v>
          </cell>
          <cell r="G141" t="str">
            <v>m</v>
          </cell>
          <cell r="H141" t="str">
            <v>見積×0.8</v>
          </cell>
        </row>
        <row r="142">
          <cell r="B142">
            <v>549</v>
          </cell>
          <cell r="C142" t="str">
            <v>ｱﾝｸﾞﾙ</v>
          </cell>
          <cell r="D142" t="str">
            <v>ｱﾙﾐ材,40×40×2</v>
          </cell>
          <cell r="E142">
            <v>944</v>
          </cell>
          <cell r="F142">
            <v>1</v>
          </cell>
          <cell r="G142" t="str">
            <v>m</v>
          </cell>
          <cell r="H142" t="str">
            <v>見積×0.8</v>
          </cell>
        </row>
        <row r="143">
          <cell r="B143">
            <v>550</v>
          </cell>
          <cell r="C143" t="str">
            <v>軒下見切り材</v>
          </cell>
          <cell r="D143" t="str">
            <v>ｱﾙﾐ材</v>
          </cell>
          <cell r="E143">
            <v>1200</v>
          </cell>
          <cell r="F143">
            <v>1</v>
          </cell>
          <cell r="G143" t="str">
            <v>m</v>
          </cell>
          <cell r="H143" t="str">
            <v>見積×0.8</v>
          </cell>
        </row>
        <row r="144">
          <cell r="B144">
            <v>551</v>
          </cell>
          <cell r="C144" t="str">
            <v>同上取付費</v>
          </cell>
          <cell r="D144" t="str">
            <v>軒下見切り材</v>
          </cell>
          <cell r="E144">
            <v>1600</v>
          </cell>
          <cell r="F144">
            <v>1</v>
          </cell>
          <cell r="G144" t="str">
            <v>m</v>
          </cell>
          <cell r="H144" t="str">
            <v>見積×0.8</v>
          </cell>
        </row>
        <row r="145">
          <cell r="B145">
            <v>552</v>
          </cell>
          <cell r="C145" t="str">
            <v>外壁ﾀｲﾙ見切材</v>
          </cell>
          <cell r="D145" t="str">
            <v>ｱﾙﾐ材</v>
          </cell>
          <cell r="E145">
            <v>584</v>
          </cell>
          <cell r="F145">
            <v>1</v>
          </cell>
          <cell r="G145" t="str">
            <v>m</v>
          </cell>
          <cell r="H145" t="str">
            <v>見積×0.8</v>
          </cell>
        </row>
        <row r="146">
          <cell r="B146">
            <v>553</v>
          </cell>
          <cell r="C146" t="str">
            <v>同上取付費</v>
          </cell>
          <cell r="D146" t="str">
            <v>外壁ﾀｲﾙ見切材</v>
          </cell>
          <cell r="E146">
            <v>800</v>
          </cell>
          <cell r="F146">
            <v>1</v>
          </cell>
          <cell r="G146" t="str">
            <v>m</v>
          </cell>
          <cell r="H146" t="str">
            <v>見積×0.8</v>
          </cell>
        </row>
        <row r="147">
          <cell r="B147">
            <v>554</v>
          </cell>
          <cell r="C147" t="str">
            <v>軒樋,ﾌｪｰｼｬｰ部水切り</v>
          </cell>
          <cell r="D147" t="str">
            <v>ｱﾙﾐ材,2.0t焼付塗装</v>
          </cell>
          <cell r="E147">
            <v>3680</v>
          </cell>
          <cell r="F147">
            <v>1</v>
          </cell>
          <cell r="G147" t="str">
            <v>m</v>
          </cell>
          <cell r="H147" t="str">
            <v>見積×0.8</v>
          </cell>
        </row>
        <row r="148">
          <cell r="B148">
            <v>555</v>
          </cell>
          <cell r="C148" t="str">
            <v>同上取付費</v>
          </cell>
          <cell r="D148" t="str">
            <v>軒樋,ﾌｪｰｼｬｰ部水切り</v>
          </cell>
          <cell r="E148">
            <v>1600</v>
          </cell>
          <cell r="F148">
            <v>1</v>
          </cell>
          <cell r="G148" t="str">
            <v>m</v>
          </cell>
          <cell r="H148" t="str">
            <v>見積×0.8</v>
          </cell>
        </row>
        <row r="149">
          <cell r="B149">
            <v>556</v>
          </cell>
          <cell r="C149" t="str">
            <v>ｱﾙﾐﾘﾍﾞｯﾄ</v>
          </cell>
          <cell r="D149" t="str">
            <v>AD64ABS</v>
          </cell>
          <cell r="E149">
            <v>16.8</v>
          </cell>
          <cell r="F149">
            <v>1</v>
          </cell>
          <cell r="G149" t="str">
            <v>本</v>
          </cell>
          <cell r="H149" t="str">
            <v>見積×0.8</v>
          </cell>
        </row>
        <row r="150">
          <cell r="B150">
            <v>557</v>
          </cell>
          <cell r="C150" t="str">
            <v>ｸﾞﾘｯﾌﾟｱﾝｶｰ</v>
          </cell>
          <cell r="D150" t="str">
            <v>GA10M</v>
          </cell>
          <cell r="E150">
            <v>600</v>
          </cell>
          <cell r="F150">
            <v>1</v>
          </cell>
          <cell r="G150" t="str">
            <v>組</v>
          </cell>
          <cell r="H150" t="str">
            <v>見積×0.8</v>
          </cell>
        </row>
        <row r="151">
          <cell r="B151">
            <v>502</v>
          </cell>
          <cell r="C151" t="str">
            <v>ｱﾝｶｰﾎﾞﾙﾄ(SUS304)</v>
          </cell>
          <cell r="D151" t="str">
            <v>M10,350L,N2W2</v>
          </cell>
          <cell r="E151">
            <v>480</v>
          </cell>
          <cell r="F151">
            <v>1</v>
          </cell>
          <cell r="G151" t="str">
            <v>m2</v>
          </cell>
          <cell r="H151" t="str">
            <v>見積×0.8</v>
          </cell>
        </row>
        <row r="152">
          <cell r="B152">
            <v>503</v>
          </cell>
          <cell r="C152" t="str">
            <v>布基礎ｱﾝｶｰ打設</v>
          </cell>
          <cell r="D152" t="str">
            <v>手間のみ</v>
          </cell>
          <cell r="E152">
            <v>1200</v>
          </cell>
          <cell r="F152">
            <v>1</v>
          </cell>
          <cell r="G152" t="str">
            <v>m2</v>
          </cell>
          <cell r="H152" t="str">
            <v>見積×0.8</v>
          </cell>
        </row>
        <row r="153">
          <cell r="B153">
            <v>558</v>
          </cell>
          <cell r="C153" t="str">
            <v>目地接合材</v>
          </cell>
          <cell r="D153" t="str">
            <v>ｸﾘｰﾄ（L=4.8m）</v>
          </cell>
          <cell r="E153">
            <v>496</v>
          </cell>
          <cell r="F153">
            <v>1</v>
          </cell>
          <cell r="G153" t="str">
            <v>本</v>
          </cell>
          <cell r="H153" t="str">
            <v>見積×0.8</v>
          </cell>
        </row>
        <row r="154">
          <cell r="B154">
            <v>559</v>
          </cell>
          <cell r="C154" t="str">
            <v>目地接合材</v>
          </cell>
          <cell r="D154" t="str">
            <v>ｸﾘｰﾄ（L=3.0m）</v>
          </cell>
          <cell r="E154">
            <v>312</v>
          </cell>
          <cell r="F154">
            <v>1</v>
          </cell>
          <cell r="G154" t="str">
            <v>本</v>
          </cell>
          <cell r="H154" t="str">
            <v>見積×0.8</v>
          </cell>
        </row>
        <row r="155">
          <cell r="B155">
            <v>560</v>
          </cell>
          <cell r="C155" t="str">
            <v>帽子掛兼戸当り</v>
          </cell>
          <cell r="D155">
            <v>0</v>
          </cell>
          <cell r="E155">
            <v>2120</v>
          </cell>
          <cell r="F155">
            <v>1</v>
          </cell>
          <cell r="G155" t="str">
            <v>個</v>
          </cell>
          <cell r="H155" t="str">
            <v>見積×0.8</v>
          </cell>
        </row>
        <row r="156">
          <cell r="B156">
            <v>561</v>
          </cell>
          <cell r="C156" t="str">
            <v>化粧石膏ﾎﾞｰﾄﾞ（天井）</v>
          </cell>
          <cell r="D156" t="str">
            <v>耐水性,軽天下地共</v>
          </cell>
          <cell r="E156">
            <v>16320</v>
          </cell>
          <cell r="F156">
            <v>1</v>
          </cell>
          <cell r="G156" t="str">
            <v>m2</v>
          </cell>
          <cell r="H156" t="str">
            <v>見積×0.8</v>
          </cell>
        </row>
        <row r="157">
          <cell r="B157">
            <v>562</v>
          </cell>
          <cell r="C157" t="str">
            <v>ｼﾝｸﾞﾙ葺（屋根）</v>
          </cell>
          <cell r="D157" t="str">
            <v>切妻</v>
          </cell>
          <cell r="E157">
            <v>12160</v>
          </cell>
          <cell r="F157">
            <v>1</v>
          </cell>
          <cell r="G157" t="str">
            <v>m2</v>
          </cell>
          <cell r="H157" t="str">
            <v>見積×0.8</v>
          </cell>
        </row>
        <row r="158">
          <cell r="B158">
            <v>563</v>
          </cell>
          <cell r="C158" t="str">
            <v>棟包（屋根）</v>
          </cell>
          <cell r="D158">
            <v>0</v>
          </cell>
          <cell r="E158">
            <v>5120</v>
          </cell>
          <cell r="F158">
            <v>1</v>
          </cell>
          <cell r="G158" t="str">
            <v>m</v>
          </cell>
          <cell r="H158" t="str">
            <v>見積×0.8</v>
          </cell>
        </row>
        <row r="159">
          <cell r="B159">
            <v>564</v>
          </cell>
          <cell r="C159" t="str">
            <v>布基礎天端ﾓﾙﾀﾙ</v>
          </cell>
          <cell r="D159">
            <v>0</v>
          </cell>
          <cell r="E159">
            <v>2400</v>
          </cell>
          <cell r="F159">
            <v>1</v>
          </cell>
          <cell r="G159" t="str">
            <v>m</v>
          </cell>
          <cell r="H159" t="str">
            <v>見積×0.8</v>
          </cell>
        </row>
        <row r="160">
          <cell r="B160">
            <v>565</v>
          </cell>
          <cell r="C160" t="str">
            <v>布基礎幅木ﾓﾙﾀﾙ</v>
          </cell>
          <cell r="D160" t="str">
            <v>H＜150</v>
          </cell>
          <cell r="E160">
            <v>1840</v>
          </cell>
          <cell r="F160">
            <v>1</v>
          </cell>
          <cell r="G160" t="str">
            <v>m</v>
          </cell>
          <cell r="H160" t="str">
            <v>見積×0.8</v>
          </cell>
        </row>
        <row r="161">
          <cell r="B161">
            <v>566</v>
          </cell>
          <cell r="C161" t="str">
            <v>布基礎幅木ﾓﾙﾀﾙ</v>
          </cell>
          <cell r="D161" t="str">
            <v>H＝200</v>
          </cell>
          <cell r="E161">
            <v>2080</v>
          </cell>
          <cell r="F161">
            <v>1</v>
          </cell>
          <cell r="G161" t="str">
            <v>m</v>
          </cell>
          <cell r="H161" t="str">
            <v>見積×0.8</v>
          </cell>
        </row>
        <row r="162">
          <cell r="B162">
            <v>567</v>
          </cell>
          <cell r="C162" t="str">
            <v>床ﾓﾙﾀﾙ</v>
          </cell>
          <cell r="D162">
            <v>0</v>
          </cell>
          <cell r="E162">
            <v>2960</v>
          </cell>
          <cell r="F162">
            <v>1</v>
          </cell>
          <cell r="G162" t="str">
            <v>m2</v>
          </cell>
          <cell r="H162" t="str">
            <v>見積×0.8</v>
          </cell>
        </row>
        <row r="163">
          <cell r="B163">
            <v>568</v>
          </cell>
          <cell r="C163" t="str">
            <v>ﾓｻﾞｲｸ下地ﾓﾙﾀﾙ</v>
          </cell>
          <cell r="D163">
            <v>0</v>
          </cell>
          <cell r="E163">
            <v>2800</v>
          </cell>
          <cell r="F163">
            <v>1</v>
          </cell>
          <cell r="G163" t="str">
            <v>m2</v>
          </cell>
          <cell r="H163" t="str">
            <v>見積×0.8</v>
          </cell>
        </row>
        <row r="164">
          <cell r="B164">
            <v>569</v>
          </cell>
          <cell r="C164" t="str">
            <v>外壁ﾀｲﾙ（湿式）</v>
          </cell>
          <cell r="D164" t="str">
            <v>ﾈｵﾋﾟﾀ#88共</v>
          </cell>
          <cell r="E164">
            <v>19200</v>
          </cell>
          <cell r="F164">
            <v>1</v>
          </cell>
          <cell r="G164" t="str">
            <v>m2</v>
          </cell>
          <cell r="H164" t="str">
            <v>見積×0.8</v>
          </cell>
        </row>
        <row r="165">
          <cell r="B165">
            <v>570</v>
          </cell>
          <cell r="C165" t="str">
            <v>床ﾀｲﾙ（磁器質）</v>
          </cell>
          <cell r="D165" t="str">
            <v>ｱｺﾙﾃﾞｨG,45×45×7</v>
          </cell>
          <cell r="E165">
            <v>9200</v>
          </cell>
          <cell r="F165">
            <v>1</v>
          </cell>
          <cell r="G165" t="str">
            <v>m2</v>
          </cell>
          <cell r="H165" t="str">
            <v>見積×0.8</v>
          </cell>
        </row>
        <row r="166">
          <cell r="B166">
            <v>571</v>
          </cell>
          <cell r="C166" t="str">
            <v>採光ｶﾞﾗﾘ</v>
          </cell>
          <cell r="D166" t="str">
            <v>500×200</v>
          </cell>
          <cell r="E166">
            <v>7040</v>
          </cell>
          <cell r="F166">
            <v>1</v>
          </cell>
          <cell r="G166" t="str">
            <v>枚</v>
          </cell>
          <cell r="H166" t="str">
            <v>見積×0.8</v>
          </cell>
        </row>
        <row r="167">
          <cell r="B167">
            <v>572</v>
          </cell>
          <cell r="C167" t="str">
            <v>FIXｶﾞﾗﾘ</v>
          </cell>
          <cell r="D167" t="str">
            <v>AL500×500</v>
          </cell>
          <cell r="E167">
            <v>27000</v>
          </cell>
          <cell r="F167">
            <v>1</v>
          </cell>
          <cell r="G167" t="str">
            <v>枚</v>
          </cell>
          <cell r="H167" t="str">
            <v>見積×0.8</v>
          </cell>
        </row>
        <row r="168">
          <cell r="B168">
            <v>573</v>
          </cell>
          <cell r="C168" t="str">
            <v>天井点検口</v>
          </cell>
          <cell r="D168" t="str">
            <v>RL-445</v>
          </cell>
          <cell r="E168">
            <v>6400</v>
          </cell>
          <cell r="F168">
            <v>1</v>
          </cell>
          <cell r="G168" t="str">
            <v>枚</v>
          </cell>
          <cell r="H168" t="str">
            <v>見積×0.8</v>
          </cell>
        </row>
        <row r="169">
          <cell r="B169">
            <v>574</v>
          </cell>
          <cell r="C169" t="str">
            <v>同上取付費</v>
          </cell>
          <cell r="D169" t="str">
            <v>天井点検口</v>
          </cell>
          <cell r="E169">
            <v>8000</v>
          </cell>
          <cell r="F169">
            <v>1</v>
          </cell>
          <cell r="G169" t="str">
            <v>枚</v>
          </cell>
          <cell r="H169" t="str">
            <v>見積×0.8</v>
          </cell>
        </row>
        <row r="170">
          <cell r="B170">
            <v>575</v>
          </cell>
          <cell r="C170" t="str">
            <v>大便除ﾄﾞｱ（ﾋﾟﾎﾟｯﾄﾋﾝｼﾞ）</v>
          </cell>
          <cell r="D170" t="str">
            <v>650×1900</v>
          </cell>
          <cell r="E170">
            <v>60080</v>
          </cell>
          <cell r="F170">
            <v>1</v>
          </cell>
          <cell r="G170" t="str">
            <v>枚</v>
          </cell>
          <cell r="H170" t="str">
            <v>見積×0.8</v>
          </cell>
        </row>
        <row r="171">
          <cell r="B171">
            <v>576</v>
          </cell>
          <cell r="C171" t="str">
            <v>物置ﾄﾞｱ</v>
          </cell>
          <cell r="D171" t="str">
            <v>491×1191</v>
          </cell>
          <cell r="E171">
            <v>26160</v>
          </cell>
          <cell r="F171">
            <v>1</v>
          </cell>
          <cell r="G171" t="str">
            <v>枚</v>
          </cell>
          <cell r="H171" t="str">
            <v>見積×0.8</v>
          </cell>
        </row>
        <row r="172">
          <cell r="B172">
            <v>578</v>
          </cell>
          <cell r="C172" t="str">
            <v>機械室ﾄﾞｱ</v>
          </cell>
          <cell r="D172" t="str">
            <v>900×1800</v>
          </cell>
          <cell r="E172">
            <v>41120</v>
          </cell>
          <cell r="F172">
            <v>1</v>
          </cell>
          <cell r="G172" t="str">
            <v>枚</v>
          </cell>
          <cell r="H172" t="str">
            <v>見積×0.8</v>
          </cell>
        </row>
        <row r="173">
          <cell r="B173">
            <v>580</v>
          </cell>
          <cell r="C173" t="str">
            <v>SUSｽﾗｲﾃﾞｨﾝｸﾞﾄﾞｱ</v>
          </cell>
          <cell r="D173" t="str">
            <v>1085×1910,片引戸</v>
          </cell>
          <cell r="E173">
            <v>208800</v>
          </cell>
          <cell r="F173">
            <v>1</v>
          </cell>
          <cell r="G173" t="str">
            <v>組</v>
          </cell>
          <cell r="H173" t="str">
            <v>見積×0.8</v>
          </cell>
        </row>
        <row r="174">
          <cell r="B174">
            <v>581</v>
          </cell>
          <cell r="C174" t="str">
            <v>同上取付費</v>
          </cell>
          <cell r="D174" t="str">
            <v>SUSｽﾗｲﾃﾞｨﾝｸﾞﾄﾞｱ</v>
          </cell>
          <cell r="E174">
            <v>11200</v>
          </cell>
          <cell r="F174">
            <v>1</v>
          </cell>
          <cell r="G174" t="str">
            <v>組</v>
          </cell>
          <cell r="H174" t="str">
            <v>見積×0.8</v>
          </cell>
        </row>
        <row r="175">
          <cell r="B175">
            <v>582</v>
          </cell>
          <cell r="C175" t="str">
            <v>SUS手摺（可動式）</v>
          </cell>
          <cell r="D175" t="str">
            <v>C3N39011（塩ﾋﾞ被覆）</v>
          </cell>
          <cell r="E175">
            <v>80000</v>
          </cell>
          <cell r="F175">
            <v>1</v>
          </cell>
          <cell r="G175" t="str">
            <v>組</v>
          </cell>
          <cell r="H175" t="str">
            <v>見積×0.8</v>
          </cell>
        </row>
        <row r="176">
          <cell r="B176">
            <v>583</v>
          </cell>
          <cell r="C176" t="str">
            <v>SUS手摺（大便器）</v>
          </cell>
          <cell r="D176" t="str">
            <v>C3N39010（塩ﾋﾞ被覆）</v>
          </cell>
          <cell r="E176">
            <v>25200</v>
          </cell>
          <cell r="F176">
            <v>1</v>
          </cell>
          <cell r="G176" t="str">
            <v>組</v>
          </cell>
          <cell r="H176" t="str">
            <v>見積×0.8</v>
          </cell>
        </row>
        <row r="177">
          <cell r="B177">
            <v>584</v>
          </cell>
          <cell r="C177" t="str">
            <v>同上取付費</v>
          </cell>
          <cell r="D177" t="str">
            <v>SUS手摺（可動式・大便器）</v>
          </cell>
          <cell r="E177">
            <v>12000</v>
          </cell>
          <cell r="F177">
            <v>1</v>
          </cell>
          <cell r="G177" t="str">
            <v>組</v>
          </cell>
          <cell r="H177" t="str">
            <v>見積×0.8</v>
          </cell>
        </row>
        <row r="178">
          <cell r="B178">
            <v>585</v>
          </cell>
          <cell r="C178" t="str">
            <v>SUS手摺（小便器）</v>
          </cell>
          <cell r="D178" t="str">
            <v>C3N39005（塩ﾋﾞ被覆）</v>
          </cell>
          <cell r="E178">
            <v>41600</v>
          </cell>
          <cell r="F178">
            <v>1</v>
          </cell>
          <cell r="G178" t="str">
            <v>組</v>
          </cell>
          <cell r="H178" t="str">
            <v>見積×0.8</v>
          </cell>
        </row>
        <row r="179">
          <cell r="B179">
            <v>586</v>
          </cell>
          <cell r="C179" t="str">
            <v>同上取付費</v>
          </cell>
          <cell r="D179" t="str">
            <v>SUS手摺（小便器）</v>
          </cell>
          <cell r="E179">
            <v>16000</v>
          </cell>
          <cell r="F179">
            <v>1</v>
          </cell>
          <cell r="G179" t="str">
            <v>組</v>
          </cell>
          <cell r="H179" t="str">
            <v>見積×0.8</v>
          </cell>
        </row>
        <row r="180">
          <cell r="B180">
            <v>587</v>
          </cell>
          <cell r="C180" t="str">
            <v>SUS手摺（洗面器）</v>
          </cell>
          <cell r="D180" t="str">
            <v>C3N39012（塩ﾋﾞ被覆）</v>
          </cell>
          <cell r="E180">
            <v>28640</v>
          </cell>
          <cell r="F180">
            <v>1</v>
          </cell>
          <cell r="G180" t="str">
            <v>組</v>
          </cell>
          <cell r="H180" t="str">
            <v>見積×0.8</v>
          </cell>
        </row>
        <row r="181">
          <cell r="B181">
            <v>588</v>
          </cell>
          <cell r="C181" t="str">
            <v>同上取付費</v>
          </cell>
          <cell r="D181" t="str">
            <v>SUS手摺（洗面器）</v>
          </cell>
          <cell r="E181">
            <v>14000</v>
          </cell>
          <cell r="F181">
            <v>1</v>
          </cell>
          <cell r="G181" t="str">
            <v>組</v>
          </cell>
          <cell r="H181" t="str">
            <v>見積×0.8</v>
          </cell>
        </row>
        <row r="182">
          <cell r="B182">
            <v>589</v>
          </cell>
          <cell r="C182" t="str">
            <v>ﾎﾟﾘｶｰﾎﾞ樹脂板</v>
          </cell>
          <cell r="D182" t="str">
            <v>5.0t ｶﾗｰ</v>
          </cell>
          <cell r="E182">
            <v>16800</v>
          </cell>
          <cell r="F182">
            <v>1</v>
          </cell>
          <cell r="G182" t="str">
            <v>m2</v>
          </cell>
          <cell r="H182" t="str">
            <v>見積×0.8</v>
          </cell>
        </row>
        <row r="183">
          <cell r="B183">
            <v>590</v>
          </cell>
          <cell r="C183" t="str">
            <v>同上取付費</v>
          </cell>
          <cell r="D183" t="str">
            <v>ﾎﾟﾘｶｰﾎﾞ樹脂板</v>
          </cell>
          <cell r="E183">
            <v>3200</v>
          </cell>
          <cell r="F183">
            <v>1</v>
          </cell>
          <cell r="G183" t="str">
            <v>m2</v>
          </cell>
          <cell r="H183" t="str">
            <v>見積×0.8</v>
          </cell>
        </row>
        <row r="184">
          <cell r="B184">
            <v>591</v>
          </cell>
          <cell r="C184" t="str">
            <v>軒樋</v>
          </cell>
          <cell r="D184" t="str">
            <v>NL-80U,金具・上合共</v>
          </cell>
          <cell r="E184">
            <v>2320</v>
          </cell>
          <cell r="F184">
            <v>1</v>
          </cell>
          <cell r="G184" t="str">
            <v>m</v>
          </cell>
          <cell r="H184" t="str">
            <v>見積×0.8</v>
          </cell>
        </row>
        <row r="185">
          <cell r="B185">
            <v>592</v>
          </cell>
          <cell r="C185" t="str">
            <v>竪樋</v>
          </cell>
          <cell r="D185" t="str">
            <v>φ60,ｴﾙﾎﾞ共</v>
          </cell>
          <cell r="E185">
            <v>1200</v>
          </cell>
          <cell r="F185">
            <v>1</v>
          </cell>
          <cell r="G185" t="str">
            <v>m</v>
          </cell>
          <cell r="H185" t="str">
            <v>見積×0.8</v>
          </cell>
        </row>
        <row r="186">
          <cell r="B186">
            <v>593</v>
          </cell>
          <cell r="C186" t="str">
            <v>同上取付費</v>
          </cell>
          <cell r="D186" t="str">
            <v>雨樋</v>
          </cell>
          <cell r="E186">
            <v>2560</v>
          </cell>
          <cell r="F186">
            <v>1</v>
          </cell>
          <cell r="G186" t="str">
            <v>m</v>
          </cell>
          <cell r="H186" t="str">
            <v>見積×0.8</v>
          </cell>
        </row>
        <row r="187">
          <cell r="B187">
            <v>594</v>
          </cell>
          <cell r="C187" t="str">
            <v>男子ﾏｰｸ</v>
          </cell>
          <cell r="D187" t="str">
            <v>AL200×200</v>
          </cell>
          <cell r="E187">
            <v>8800</v>
          </cell>
          <cell r="F187">
            <v>1</v>
          </cell>
          <cell r="G187" t="str">
            <v>枚</v>
          </cell>
          <cell r="H187" t="str">
            <v>見積×0.8</v>
          </cell>
        </row>
        <row r="188">
          <cell r="B188">
            <v>595</v>
          </cell>
          <cell r="C188" t="str">
            <v>女子ﾏｰｸ</v>
          </cell>
          <cell r="D188" t="str">
            <v>AL200×200</v>
          </cell>
          <cell r="E188">
            <v>8800</v>
          </cell>
          <cell r="F188">
            <v>1</v>
          </cell>
          <cell r="G188" t="str">
            <v>枚</v>
          </cell>
          <cell r="H188" t="str">
            <v>見積×0.8</v>
          </cell>
        </row>
        <row r="189">
          <cell r="B189">
            <v>596</v>
          </cell>
          <cell r="C189" t="str">
            <v>多目的ﾏｰｸ</v>
          </cell>
          <cell r="D189" t="str">
            <v>ｼﾙｸ印刷,AL200×600</v>
          </cell>
          <cell r="E189">
            <v>19200</v>
          </cell>
          <cell r="F189">
            <v>1</v>
          </cell>
          <cell r="G189" t="str">
            <v>枚</v>
          </cell>
          <cell r="H189" t="str">
            <v>見積×0.8</v>
          </cell>
        </row>
        <row r="190">
          <cell r="B190">
            <v>597</v>
          </cell>
          <cell r="C190" t="str">
            <v>材料運搬費</v>
          </cell>
          <cell r="D190">
            <v>0</v>
          </cell>
          <cell r="E190">
            <v>21600</v>
          </cell>
          <cell r="F190">
            <v>1</v>
          </cell>
          <cell r="G190" t="str">
            <v>式</v>
          </cell>
          <cell r="H190" t="str">
            <v>見積×0.8</v>
          </cell>
        </row>
        <row r="191">
          <cell r="B191">
            <v>598</v>
          </cell>
          <cell r="C191">
            <v>0</v>
          </cell>
          <cell r="D191">
            <v>0</v>
          </cell>
          <cell r="E191">
            <v>0</v>
          </cell>
          <cell r="F191">
            <v>0</v>
          </cell>
          <cell r="G191">
            <v>0</v>
          </cell>
          <cell r="H191" t="str">
            <v>見積×0.8</v>
          </cell>
        </row>
        <row r="192">
          <cell r="B192">
            <v>601</v>
          </cell>
          <cell r="C192" t="str">
            <v>水替え（ﾎﾟﾝﾌﾟ）</v>
          </cell>
          <cell r="D192" t="str">
            <v>50φ1.5kw,1ヶ月</v>
          </cell>
          <cell r="E192">
            <v>80000</v>
          </cell>
          <cell r="F192">
            <v>1</v>
          </cell>
          <cell r="G192" t="str">
            <v>箇所</v>
          </cell>
          <cell r="H192" t="str">
            <v>見積×0.8</v>
          </cell>
        </row>
        <row r="193">
          <cell r="B193">
            <v>602</v>
          </cell>
          <cell r="C193" t="str">
            <v>ｺﾝｸﾘｰﾄ金ｺﾞﾃ</v>
          </cell>
          <cell r="D193">
            <v>0</v>
          </cell>
          <cell r="E193">
            <v>576</v>
          </cell>
          <cell r="F193">
            <v>1</v>
          </cell>
          <cell r="G193" t="str">
            <v>m2</v>
          </cell>
          <cell r="H193" t="str">
            <v>見積×0.8</v>
          </cell>
        </row>
        <row r="194">
          <cell r="B194">
            <v>603</v>
          </cell>
          <cell r="C194" t="str">
            <v>安全管理費</v>
          </cell>
          <cell r="D194">
            <v>0</v>
          </cell>
          <cell r="E194">
            <v>37600</v>
          </cell>
          <cell r="F194">
            <v>1</v>
          </cell>
          <cell r="G194" t="str">
            <v>式</v>
          </cell>
          <cell r="H194" t="str">
            <v>見積×0.8</v>
          </cell>
        </row>
        <row r="195">
          <cell r="B195">
            <v>604</v>
          </cell>
          <cell r="C195" t="str">
            <v>場内小運搬</v>
          </cell>
          <cell r="D195">
            <v>0</v>
          </cell>
          <cell r="E195">
            <v>19220</v>
          </cell>
          <cell r="F195">
            <v>1</v>
          </cell>
          <cell r="G195" t="str">
            <v>式</v>
          </cell>
          <cell r="H195" t="str">
            <v>見積×0.8</v>
          </cell>
        </row>
        <row r="197">
          <cell r="B197">
            <v>611</v>
          </cell>
          <cell r="C197" t="str">
            <v>樹木伐採</v>
          </cell>
          <cell r="D197" t="str">
            <v>C=29cm未満</v>
          </cell>
          <cell r="E197">
            <v>3120</v>
          </cell>
          <cell r="F197">
            <v>1</v>
          </cell>
          <cell r="G197" t="str">
            <v>本</v>
          </cell>
          <cell r="H197" t="str">
            <v>見積×0.8</v>
          </cell>
        </row>
        <row r="198">
          <cell r="B198">
            <v>612</v>
          </cell>
          <cell r="C198" t="str">
            <v>樹木伐採</v>
          </cell>
          <cell r="D198" t="str">
            <v>C=30～59cm</v>
          </cell>
          <cell r="E198">
            <v>10000</v>
          </cell>
          <cell r="F198">
            <v>1</v>
          </cell>
          <cell r="G198" t="str">
            <v>本</v>
          </cell>
          <cell r="H198" t="str">
            <v>見積×0.8</v>
          </cell>
        </row>
        <row r="199">
          <cell r="B199">
            <v>613</v>
          </cell>
          <cell r="C199" t="str">
            <v>樹木伐採</v>
          </cell>
          <cell r="D199" t="str">
            <v>C=60～89cm</v>
          </cell>
          <cell r="E199">
            <v>22960</v>
          </cell>
          <cell r="F199">
            <v>1</v>
          </cell>
          <cell r="G199" t="str">
            <v>本</v>
          </cell>
          <cell r="H199" t="str">
            <v>見積×0.8</v>
          </cell>
        </row>
        <row r="200">
          <cell r="B200">
            <v>614</v>
          </cell>
          <cell r="C200" t="str">
            <v>樹木抜根</v>
          </cell>
          <cell r="D200" t="str">
            <v>C=29cm未満</v>
          </cell>
          <cell r="E200">
            <v>1680</v>
          </cell>
          <cell r="F200">
            <v>1</v>
          </cell>
          <cell r="G200" t="str">
            <v>本</v>
          </cell>
          <cell r="H200" t="str">
            <v>見積×0.8</v>
          </cell>
        </row>
        <row r="201">
          <cell r="B201">
            <v>615</v>
          </cell>
          <cell r="C201" t="str">
            <v>樹木抜根</v>
          </cell>
          <cell r="D201" t="str">
            <v>C=30～59cm</v>
          </cell>
          <cell r="E201">
            <v>3840</v>
          </cell>
          <cell r="F201">
            <v>1</v>
          </cell>
          <cell r="G201" t="str">
            <v>本</v>
          </cell>
          <cell r="H201" t="str">
            <v>見積×0.8</v>
          </cell>
        </row>
        <row r="202">
          <cell r="B202">
            <v>616</v>
          </cell>
          <cell r="C202" t="str">
            <v>樹木抜根</v>
          </cell>
          <cell r="D202" t="str">
            <v>C=60～89cm</v>
          </cell>
          <cell r="E202">
            <v>10960</v>
          </cell>
          <cell r="F202">
            <v>1</v>
          </cell>
          <cell r="G202" t="str">
            <v>本</v>
          </cell>
          <cell r="H202" t="str">
            <v>見積×0.8</v>
          </cell>
        </row>
        <row r="203">
          <cell r="B203">
            <v>617</v>
          </cell>
          <cell r="C203" t="str">
            <v>場外処理</v>
          </cell>
          <cell r="D203" t="str">
            <v>C=29cm未満</v>
          </cell>
          <cell r="E203">
            <v>1600</v>
          </cell>
          <cell r="F203">
            <v>1</v>
          </cell>
          <cell r="G203" t="str">
            <v>本</v>
          </cell>
          <cell r="H203" t="str">
            <v>見積×0.8</v>
          </cell>
        </row>
        <row r="204">
          <cell r="B204">
            <v>618</v>
          </cell>
          <cell r="C204" t="str">
            <v>場外処理</v>
          </cell>
          <cell r="D204" t="str">
            <v>C=30～59cm</v>
          </cell>
          <cell r="E204">
            <v>3200</v>
          </cell>
          <cell r="F204">
            <v>1</v>
          </cell>
          <cell r="G204" t="str">
            <v>本</v>
          </cell>
          <cell r="H204" t="str">
            <v>見積×0.8</v>
          </cell>
        </row>
        <row r="205">
          <cell r="B205">
            <v>619</v>
          </cell>
          <cell r="C205" t="str">
            <v>場外処理</v>
          </cell>
          <cell r="D205" t="str">
            <v>C=60～89cm</v>
          </cell>
          <cell r="E205">
            <v>9840</v>
          </cell>
          <cell r="F205">
            <v>1</v>
          </cell>
          <cell r="G205" t="str">
            <v>本</v>
          </cell>
          <cell r="H205" t="str">
            <v>見積×0.8</v>
          </cell>
        </row>
        <row r="206">
          <cell r="B206">
            <v>620</v>
          </cell>
          <cell r="C206">
            <v>0</v>
          </cell>
          <cell r="D206">
            <v>0</v>
          </cell>
          <cell r="E206">
            <v>0</v>
          </cell>
          <cell r="F206">
            <v>0</v>
          </cell>
          <cell r="G206">
            <v>0</v>
          </cell>
          <cell r="H206" t="str">
            <v>見積×0.8</v>
          </cell>
        </row>
        <row r="207">
          <cell r="B207">
            <v>621</v>
          </cell>
          <cell r="C207" t="str">
            <v>記念ﾌﾟﾚｰﾄ</v>
          </cell>
          <cell r="D207">
            <v>0</v>
          </cell>
          <cell r="E207">
            <v>328800</v>
          </cell>
          <cell r="F207">
            <v>1</v>
          </cell>
          <cell r="G207" t="str">
            <v>基</v>
          </cell>
          <cell r="H207" t="str">
            <v>見積×0.8</v>
          </cell>
        </row>
        <row r="208">
          <cell r="B208">
            <v>622</v>
          </cell>
          <cell r="C208" t="str">
            <v>同上据付費</v>
          </cell>
          <cell r="D208" t="str">
            <v>記念ﾌﾟﾚｰﾄ</v>
          </cell>
          <cell r="E208">
            <v>8000</v>
          </cell>
          <cell r="F208">
            <v>1</v>
          </cell>
          <cell r="G208" t="str">
            <v>基</v>
          </cell>
          <cell r="H208" t="str">
            <v>見積×0.8</v>
          </cell>
        </row>
        <row r="209">
          <cell r="B209">
            <v>623</v>
          </cell>
          <cell r="C209" t="str">
            <v>注意板-A</v>
          </cell>
          <cell r="D209" t="str">
            <v>H=2100,W=900</v>
          </cell>
          <cell r="E209">
            <v>523200</v>
          </cell>
          <cell r="F209">
            <v>1</v>
          </cell>
          <cell r="G209" t="str">
            <v>基</v>
          </cell>
          <cell r="H209" t="str">
            <v>見積×0.8</v>
          </cell>
        </row>
        <row r="210">
          <cell r="B210">
            <v>624</v>
          </cell>
          <cell r="C210" t="str">
            <v>同上据付費</v>
          </cell>
          <cell r="D210" t="str">
            <v>注意板-A</v>
          </cell>
          <cell r="E210">
            <v>12000</v>
          </cell>
          <cell r="F210">
            <v>1</v>
          </cell>
          <cell r="G210" t="str">
            <v>基</v>
          </cell>
          <cell r="H210" t="str">
            <v>見積×0.8</v>
          </cell>
        </row>
        <row r="211">
          <cell r="B211">
            <v>625</v>
          </cell>
          <cell r="C211" t="str">
            <v>注意板-B</v>
          </cell>
          <cell r="D211" t="str">
            <v>H=1500,W=600</v>
          </cell>
          <cell r="E211">
            <v>162400</v>
          </cell>
          <cell r="F211">
            <v>1</v>
          </cell>
          <cell r="G211" t="str">
            <v>基</v>
          </cell>
          <cell r="H211" t="str">
            <v>見積×0.8</v>
          </cell>
        </row>
        <row r="212">
          <cell r="B212">
            <v>626</v>
          </cell>
          <cell r="C212" t="str">
            <v>同上据付費</v>
          </cell>
          <cell r="D212" t="str">
            <v>注意板-B</v>
          </cell>
          <cell r="E212">
            <v>8000</v>
          </cell>
          <cell r="F212">
            <v>1</v>
          </cell>
          <cell r="G212" t="str">
            <v>基</v>
          </cell>
          <cell r="H212" t="str">
            <v>見積×0.8</v>
          </cell>
        </row>
        <row r="213">
          <cell r="B213">
            <v>627</v>
          </cell>
          <cell r="C213" t="str">
            <v>注意板-C</v>
          </cell>
          <cell r="D213" t="str">
            <v>600*600</v>
          </cell>
          <cell r="E213">
            <v>138400</v>
          </cell>
          <cell r="F213">
            <v>1</v>
          </cell>
          <cell r="G213" t="str">
            <v>基</v>
          </cell>
          <cell r="H213" t="str">
            <v>見積×0.8</v>
          </cell>
        </row>
        <row r="214">
          <cell r="B214">
            <v>628</v>
          </cell>
          <cell r="C214" t="str">
            <v>同上据付費</v>
          </cell>
          <cell r="D214" t="str">
            <v>注意板-C</v>
          </cell>
          <cell r="E214">
            <v>4000</v>
          </cell>
          <cell r="F214">
            <v>1</v>
          </cell>
          <cell r="G214" t="str">
            <v>基</v>
          </cell>
          <cell r="H214" t="str">
            <v>見積×0.8</v>
          </cell>
        </row>
        <row r="215">
          <cell r="B215">
            <v>701</v>
          </cell>
          <cell r="C215" t="str">
            <v>樹木伐採・抜根・処理工</v>
          </cell>
          <cell r="D215" t="str">
            <v>（C=29cm未満）</v>
          </cell>
          <cell r="E215">
            <v>6400</v>
          </cell>
          <cell r="F215">
            <v>1</v>
          </cell>
          <cell r="G215" t="str">
            <v>本</v>
          </cell>
          <cell r="H215" t="str">
            <v>a-1</v>
          </cell>
        </row>
        <row r="216">
          <cell r="B216">
            <v>702</v>
          </cell>
          <cell r="C216" t="str">
            <v>樹木伐採・抜根・処理工</v>
          </cell>
          <cell r="D216" t="str">
            <v>（C=30～59cm）</v>
          </cell>
          <cell r="E216">
            <v>17000</v>
          </cell>
          <cell r="F216">
            <v>1</v>
          </cell>
          <cell r="G216" t="str">
            <v>本</v>
          </cell>
          <cell r="H216" t="str">
            <v>a-2</v>
          </cell>
        </row>
        <row r="217">
          <cell r="B217">
            <v>703</v>
          </cell>
          <cell r="C217" t="str">
            <v>樹木伐採・抜根・処理工</v>
          </cell>
          <cell r="D217" t="str">
            <v>（C=60～89cm）</v>
          </cell>
          <cell r="E217">
            <v>43700</v>
          </cell>
          <cell r="F217">
            <v>1</v>
          </cell>
          <cell r="G217" t="str">
            <v>本</v>
          </cell>
          <cell r="H217" t="str">
            <v>a-3</v>
          </cell>
        </row>
        <row r="218">
          <cell r="B218">
            <v>704</v>
          </cell>
          <cell r="C218" t="str">
            <v>記念ﾌﾟﾚｰﾄ設置工</v>
          </cell>
          <cell r="E218">
            <v>3360000</v>
          </cell>
          <cell r="F218">
            <v>10</v>
          </cell>
          <cell r="G218" t="str">
            <v>基</v>
          </cell>
          <cell r="H218" t="str">
            <v>a-4</v>
          </cell>
        </row>
        <row r="219">
          <cell r="B219">
            <v>705</v>
          </cell>
        </row>
        <row r="220">
          <cell r="B220">
            <v>706</v>
          </cell>
        </row>
        <row r="221">
          <cell r="B221">
            <v>707</v>
          </cell>
        </row>
        <row r="222">
          <cell r="B222">
            <v>708</v>
          </cell>
        </row>
        <row r="223">
          <cell r="B223">
            <v>709</v>
          </cell>
        </row>
        <row r="224">
          <cell r="B224">
            <v>710</v>
          </cell>
        </row>
        <row r="225">
          <cell r="B225">
            <v>801</v>
          </cell>
          <cell r="C225" t="str">
            <v>直接仮設工事</v>
          </cell>
          <cell r="D225">
            <v>0</v>
          </cell>
          <cell r="E225">
            <v>221000</v>
          </cell>
          <cell r="F225">
            <v>1</v>
          </cell>
          <cell r="G225" t="str">
            <v>式</v>
          </cell>
          <cell r="H225" t="str">
            <v>A-1</v>
          </cell>
        </row>
        <row r="226">
          <cell r="B226">
            <v>802</v>
          </cell>
          <cell r="C226" t="str">
            <v>土工事</v>
          </cell>
          <cell r="D226">
            <v>0</v>
          </cell>
          <cell r="E226">
            <v>62300</v>
          </cell>
          <cell r="F226">
            <v>1</v>
          </cell>
          <cell r="G226" t="str">
            <v>式</v>
          </cell>
          <cell r="H226" t="str">
            <v>A-2</v>
          </cell>
        </row>
        <row r="227">
          <cell r="B227">
            <v>803</v>
          </cell>
          <cell r="C227" t="str">
            <v>コンクリート・鉄筋工事</v>
          </cell>
          <cell r="D227">
            <v>0</v>
          </cell>
          <cell r="E227">
            <v>252000</v>
          </cell>
          <cell r="F227">
            <v>1</v>
          </cell>
          <cell r="G227" t="str">
            <v>式</v>
          </cell>
          <cell r="H227" t="str">
            <v>A-3</v>
          </cell>
        </row>
        <row r="228">
          <cell r="B228">
            <v>804</v>
          </cell>
          <cell r="C228" t="str">
            <v>上屋パネル工事</v>
          </cell>
          <cell r="D228">
            <v>0</v>
          </cell>
          <cell r="E228">
            <v>2930000</v>
          </cell>
          <cell r="F228">
            <v>1</v>
          </cell>
          <cell r="G228" t="str">
            <v>式</v>
          </cell>
          <cell r="H228" t="str">
            <v>A-4</v>
          </cell>
        </row>
        <row r="229">
          <cell r="B229">
            <v>805</v>
          </cell>
          <cell r="C229" t="str">
            <v>タイル工事</v>
          </cell>
          <cell r="D229">
            <v>0</v>
          </cell>
          <cell r="E229">
            <v>406000</v>
          </cell>
          <cell r="F229">
            <v>1</v>
          </cell>
          <cell r="G229" t="str">
            <v>式</v>
          </cell>
          <cell r="H229" t="str">
            <v>A-5</v>
          </cell>
        </row>
        <row r="230">
          <cell r="B230">
            <v>806</v>
          </cell>
          <cell r="C230" t="str">
            <v>金属工事</v>
          </cell>
          <cell r="D230">
            <v>0</v>
          </cell>
          <cell r="E230">
            <v>1320000</v>
          </cell>
          <cell r="F230">
            <v>1</v>
          </cell>
          <cell r="G230" t="str">
            <v>式</v>
          </cell>
          <cell r="H230" t="str">
            <v>A-6</v>
          </cell>
        </row>
        <row r="231">
          <cell r="B231">
            <v>807</v>
          </cell>
          <cell r="C231" t="str">
            <v>内外装・左官工事</v>
          </cell>
          <cell r="D231">
            <v>0</v>
          </cell>
          <cell r="E231">
            <v>637000</v>
          </cell>
          <cell r="F231">
            <v>1</v>
          </cell>
          <cell r="G231" t="str">
            <v>式</v>
          </cell>
          <cell r="H231" t="str">
            <v>A-7</v>
          </cell>
        </row>
        <row r="232">
          <cell r="B232">
            <v>808</v>
          </cell>
          <cell r="C232" t="str">
            <v>建具工事</v>
          </cell>
          <cell r="D232">
            <v>0</v>
          </cell>
          <cell r="E232">
            <v>1040000</v>
          </cell>
          <cell r="F232">
            <v>1</v>
          </cell>
          <cell r="G232" t="str">
            <v>式</v>
          </cell>
          <cell r="H232" t="str">
            <v>A-8</v>
          </cell>
        </row>
        <row r="233">
          <cell r="B233">
            <v>809</v>
          </cell>
          <cell r="C233" t="str">
            <v>雑工事</v>
          </cell>
          <cell r="D233">
            <v>0</v>
          </cell>
          <cell r="E233">
            <v>117000</v>
          </cell>
          <cell r="F233">
            <v>1</v>
          </cell>
          <cell r="G233" t="str">
            <v>式</v>
          </cell>
          <cell r="H233" t="str">
            <v>A-9</v>
          </cell>
        </row>
        <row r="234">
          <cell r="B234">
            <v>820</v>
          </cell>
          <cell r="C234" t="str">
            <v>遣り方</v>
          </cell>
          <cell r="D234" t="str">
            <v>一般</v>
          </cell>
          <cell r="E234">
            <v>5390</v>
          </cell>
          <cell r="F234">
            <v>1</v>
          </cell>
          <cell r="G234" t="str">
            <v>式</v>
          </cell>
          <cell r="H234" t="str">
            <v>A-1-1</v>
          </cell>
        </row>
        <row r="235">
          <cell r="B235">
            <v>821</v>
          </cell>
          <cell r="C235" t="str">
            <v>墨出し</v>
          </cell>
          <cell r="D235" t="str">
            <v>一般</v>
          </cell>
          <cell r="E235">
            <v>9550</v>
          </cell>
          <cell r="F235">
            <v>1</v>
          </cell>
          <cell r="G235" t="str">
            <v>式</v>
          </cell>
          <cell r="H235" t="str">
            <v>A-1-2</v>
          </cell>
        </row>
        <row r="236">
          <cell r="B236">
            <v>822</v>
          </cell>
          <cell r="C236" t="str">
            <v>外部単管足場</v>
          </cell>
          <cell r="D236" t="str">
            <v>高さ10m未満,2ヶ月</v>
          </cell>
          <cell r="E236">
            <v>123000</v>
          </cell>
          <cell r="F236">
            <v>1</v>
          </cell>
          <cell r="G236" t="str">
            <v>式</v>
          </cell>
          <cell r="H236" t="str">
            <v>A-1-3</v>
          </cell>
        </row>
        <row r="237">
          <cell r="B237">
            <v>823</v>
          </cell>
          <cell r="C237" t="str">
            <v>外部単管足場(屋根)</v>
          </cell>
          <cell r="D237" t="str">
            <v>高さ10m未満,2ヶ月</v>
          </cell>
          <cell r="E237">
            <v>56600</v>
          </cell>
          <cell r="F237">
            <v>1</v>
          </cell>
          <cell r="G237" t="str">
            <v>式</v>
          </cell>
          <cell r="H237" t="str">
            <v>A-1-4</v>
          </cell>
        </row>
        <row r="238">
          <cell r="B238">
            <v>824</v>
          </cell>
          <cell r="C238" t="str">
            <v>養生</v>
          </cell>
          <cell r="D238" t="str">
            <v>一般</v>
          </cell>
          <cell r="E238">
            <v>5260</v>
          </cell>
          <cell r="F238">
            <v>1</v>
          </cell>
          <cell r="G238" t="str">
            <v>式</v>
          </cell>
          <cell r="H238" t="str">
            <v>A-1-5</v>
          </cell>
        </row>
        <row r="239">
          <cell r="B239">
            <v>825</v>
          </cell>
          <cell r="C239" t="str">
            <v>整理清掃跡片付け</v>
          </cell>
          <cell r="D239" t="str">
            <v>一般</v>
          </cell>
          <cell r="E239">
            <v>22000</v>
          </cell>
          <cell r="F239">
            <v>1</v>
          </cell>
          <cell r="G239" t="str">
            <v>式</v>
          </cell>
          <cell r="H239" t="str">
            <v>A-1-6</v>
          </cell>
        </row>
        <row r="240">
          <cell r="B240">
            <v>826</v>
          </cell>
          <cell r="C240" t="str">
            <v>遣り方</v>
          </cell>
          <cell r="D240" t="str">
            <v>一般</v>
          </cell>
          <cell r="E240">
            <v>6600</v>
          </cell>
          <cell r="F240">
            <v>1</v>
          </cell>
          <cell r="G240" t="str">
            <v>式</v>
          </cell>
          <cell r="H240" t="str">
            <v>A-11-1</v>
          </cell>
        </row>
        <row r="241">
          <cell r="B241">
            <v>827</v>
          </cell>
          <cell r="C241" t="str">
            <v>墨出し</v>
          </cell>
          <cell r="D241" t="str">
            <v>一般</v>
          </cell>
          <cell r="E241">
            <v>11700</v>
          </cell>
          <cell r="F241">
            <v>1</v>
          </cell>
          <cell r="G241" t="str">
            <v>式</v>
          </cell>
          <cell r="H241" t="str">
            <v>A-11-2</v>
          </cell>
        </row>
        <row r="242">
          <cell r="B242">
            <v>828</v>
          </cell>
          <cell r="C242" t="str">
            <v>養生</v>
          </cell>
          <cell r="D242" t="str">
            <v>一般</v>
          </cell>
          <cell r="E242">
            <v>6450</v>
          </cell>
          <cell r="F242">
            <v>1</v>
          </cell>
          <cell r="G242" t="str">
            <v>式</v>
          </cell>
          <cell r="H242" t="str">
            <v>A-11-3</v>
          </cell>
        </row>
        <row r="243">
          <cell r="B243">
            <v>829</v>
          </cell>
          <cell r="C243" t="str">
            <v>整理清掃跡片付け</v>
          </cell>
          <cell r="D243" t="str">
            <v>一般</v>
          </cell>
          <cell r="E243">
            <v>27000</v>
          </cell>
          <cell r="F243">
            <v>1</v>
          </cell>
          <cell r="G243" t="str">
            <v>式</v>
          </cell>
          <cell r="H243" t="str">
            <v>A-11-4</v>
          </cell>
        </row>
        <row r="244">
          <cell r="B244">
            <v>811</v>
          </cell>
          <cell r="C244" t="str">
            <v>直接仮設工事</v>
          </cell>
          <cell r="D244">
            <v>0</v>
          </cell>
          <cell r="E244">
            <v>108000</v>
          </cell>
          <cell r="F244">
            <v>1</v>
          </cell>
          <cell r="G244" t="str">
            <v>式</v>
          </cell>
          <cell r="H244" t="str">
            <v>A-11</v>
          </cell>
        </row>
        <row r="245">
          <cell r="B245">
            <v>812</v>
          </cell>
          <cell r="C245" t="str">
            <v>土工事</v>
          </cell>
          <cell r="D245">
            <v>0</v>
          </cell>
          <cell r="E245">
            <v>2810000</v>
          </cell>
          <cell r="F245">
            <v>1</v>
          </cell>
          <cell r="G245" t="str">
            <v>式</v>
          </cell>
          <cell r="H245" t="str">
            <v>A-12</v>
          </cell>
        </row>
        <row r="246">
          <cell r="B246">
            <v>813</v>
          </cell>
          <cell r="C246" t="str">
            <v>コンクリート・鉄筋工事</v>
          </cell>
          <cell r="D246">
            <v>0</v>
          </cell>
          <cell r="E246">
            <v>687000</v>
          </cell>
          <cell r="F246">
            <v>1</v>
          </cell>
          <cell r="G246" t="str">
            <v>式</v>
          </cell>
          <cell r="H246" t="str">
            <v>A-13</v>
          </cell>
        </row>
        <row r="248">
          <cell r="B248">
            <v>901</v>
          </cell>
          <cell r="C248" t="str">
            <v>仮囲い</v>
          </cell>
          <cell r="D248" t="str">
            <v>H=1.5～1.8,4ヶ月</v>
          </cell>
          <cell r="E248">
            <v>3950</v>
          </cell>
          <cell r="F248">
            <v>1</v>
          </cell>
          <cell r="G248" t="str">
            <v>m</v>
          </cell>
          <cell r="H248" t="str">
            <v>B1-121117</v>
          </cell>
        </row>
        <row r="249">
          <cell r="B249">
            <v>902</v>
          </cell>
          <cell r="C249" t="str">
            <v>建設廃材処理</v>
          </cell>
          <cell r="E249">
            <v>460</v>
          </cell>
          <cell r="F249">
            <v>1</v>
          </cell>
          <cell r="G249" t="str">
            <v>m2</v>
          </cell>
          <cell r="H249" t="str">
            <v>B1-121121</v>
          </cell>
        </row>
      </sheetData>
      <sheetData sheetId="1"/>
      <sheetData sheetId="2"/>
      <sheetData sheetId="3"/>
      <sheetData sheetId="4"/>
      <sheetData sheetId="5"/>
      <sheetData sheetId="6"/>
      <sheetData sheetId="7"/>
      <sheetData sheetId="8"/>
      <sheetData sheetId="9"/>
      <sheetData sheetId="10"/>
    </sheetDataSet>
  </externalBook>
</externalLink>
</file>

<file path=xl/externalLinks/externalLink8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出来高)"/>
      <sheetName val="表紙 (設計変更)"/>
      <sheetName val="表紙"/>
      <sheetName val="大内訳"/>
      <sheetName val="中内訳"/>
      <sheetName val="小内訳1"/>
      <sheetName val="内訳1-1"/>
      <sheetName val="内訳1-2"/>
      <sheetName val="内訳1-3"/>
      <sheetName val="内訳1-4"/>
      <sheetName val="内訳1-5"/>
      <sheetName val="内訳1-6"/>
      <sheetName val="内訳1-7"/>
      <sheetName val="内訳1-8"/>
      <sheetName val="内訳1-9"/>
      <sheetName val="内訳1-10"/>
      <sheetName val="内訳1-11"/>
      <sheetName val="内訳1-12"/>
      <sheetName val="内訳1-13"/>
      <sheetName val="小内訳2"/>
      <sheetName val="内訳2-1"/>
      <sheetName val="内訳2-2"/>
      <sheetName val="内訳2-3"/>
      <sheetName val="小内訳3"/>
      <sheetName val="内訳3-1"/>
      <sheetName val="内訳3-2"/>
      <sheetName val="小内訳4"/>
      <sheetName val="内訳4-1"/>
      <sheetName val="内訳4-2"/>
      <sheetName val="内訳4-3"/>
      <sheetName val="代価"/>
      <sheetName val="→積算資料"/>
      <sheetName val="物価資料(建築)"/>
      <sheetName val="市場単価（建築）"/>
      <sheetName val="見積-査定表(建築)"/>
      <sheetName val="市場単価（建築設備）"/>
      <sheetName val="物価資料 (建築設備)"/>
      <sheetName val="見積-査定表(建築機械)"/>
      <sheetName val="見積-査定表(土木)"/>
      <sheetName val="刊行物-査定表(土木)"/>
      <sheetName val="単価一覧表"/>
      <sheetName val="内訳（積上分)"/>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row r="2">
          <cell r="A2" t="str">
            <v>単価一覧表</v>
          </cell>
        </row>
        <row r="4">
          <cell r="A4" t="str">
            <v>番号</v>
          </cell>
          <cell r="C4" t="str">
            <v>名　　称</v>
          </cell>
          <cell r="D4" t="str">
            <v xml:space="preserve">形　状　寸　法 </v>
          </cell>
          <cell r="E4" t="str">
            <v>単位</v>
          </cell>
          <cell r="F4" t="str">
            <v>単価</v>
          </cell>
          <cell r="H4" t="str">
            <v>備　　　　考</v>
          </cell>
        </row>
        <row r="6">
          <cell r="A6">
            <v>1000.5</v>
          </cell>
          <cell r="H6" t="str">
            <v>県労務単価</v>
          </cell>
        </row>
        <row r="7">
          <cell r="A7">
            <v>1001</v>
          </cell>
          <cell r="C7" t="str">
            <v>特殊作業員</v>
          </cell>
          <cell r="E7" t="str">
            <v>人</v>
          </cell>
          <cell r="F7">
            <v>17700</v>
          </cell>
        </row>
        <row r="8">
          <cell r="A8">
            <v>1001.5</v>
          </cell>
          <cell r="H8" t="str">
            <v>県労務単価</v>
          </cell>
        </row>
        <row r="9">
          <cell r="A9">
            <v>1002</v>
          </cell>
          <cell r="C9" t="str">
            <v>普通作業員</v>
          </cell>
          <cell r="E9" t="str">
            <v>人</v>
          </cell>
          <cell r="F9">
            <v>14400</v>
          </cell>
        </row>
        <row r="10">
          <cell r="A10">
            <v>1002.5</v>
          </cell>
          <cell r="H10" t="str">
            <v>県労務単価</v>
          </cell>
        </row>
        <row r="11">
          <cell r="A11">
            <v>1003</v>
          </cell>
          <cell r="C11" t="str">
            <v>運転手(特殊)</v>
          </cell>
          <cell r="E11" t="str">
            <v>人</v>
          </cell>
          <cell r="F11">
            <v>18000</v>
          </cell>
        </row>
        <row r="12">
          <cell r="A12">
            <v>1003.5</v>
          </cell>
          <cell r="H12" t="str">
            <v>県労務単価</v>
          </cell>
        </row>
        <row r="13">
          <cell r="A13">
            <v>1004</v>
          </cell>
          <cell r="C13" t="str">
            <v>運転手(一般)</v>
          </cell>
          <cell r="E13" t="str">
            <v>人</v>
          </cell>
          <cell r="F13">
            <v>15300</v>
          </cell>
        </row>
        <row r="14">
          <cell r="A14">
            <v>1004.5</v>
          </cell>
          <cell r="H14" t="str">
            <v>県労務単価</v>
          </cell>
        </row>
        <row r="15">
          <cell r="A15">
            <v>1005</v>
          </cell>
          <cell r="C15" t="str">
            <v>土木一般世話役</v>
          </cell>
          <cell r="E15" t="str">
            <v>人</v>
          </cell>
          <cell r="F15">
            <v>19500</v>
          </cell>
        </row>
        <row r="16">
          <cell r="A16">
            <v>1005.5</v>
          </cell>
          <cell r="H16" t="str">
            <v>県労務単価</v>
          </cell>
        </row>
        <row r="17">
          <cell r="A17">
            <v>1006</v>
          </cell>
          <cell r="C17" t="str">
            <v>型枠工</v>
          </cell>
          <cell r="E17" t="str">
            <v>人</v>
          </cell>
          <cell r="F17">
            <v>17700</v>
          </cell>
        </row>
        <row r="18">
          <cell r="A18">
            <v>1006.5</v>
          </cell>
          <cell r="H18" t="str">
            <v>県労務単価</v>
          </cell>
        </row>
        <row r="19">
          <cell r="A19">
            <v>1007</v>
          </cell>
          <cell r="C19" t="str">
            <v>ブロック工</v>
          </cell>
          <cell r="E19" t="str">
            <v>人</v>
          </cell>
          <cell r="F19">
            <v>18900</v>
          </cell>
        </row>
        <row r="20">
          <cell r="A20">
            <v>1007.5</v>
          </cell>
        </row>
        <row r="21">
          <cell r="A21">
            <v>1008</v>
          </cell>
        </row>
        <row r="22">
          <cell r="A22">
            <v>2000.5</v>
          </cell>
          <cell r="H22" t="str">
            <v>物価資料</v>
          </cell>
        </row>
        <row r="23">
          <cell r="A23">
            <v>2001</v>
          </cell>
          <cell r="C23" t="str">
            <v>軽油</v>
          </cell>
          <cell r="D23" t="str">
            <v>パトロール</v>
          </cell>
          <cell r="E23" t="str">
            <v>㍑</v>
          </cell>
          <cell r="F23">
            <v>110</v>
          </cell>
        </row>
        <row r="24">
          <cell r="A24">
            <v>2001.5</v>
          </cell>
          <cell r="H24" t="str">
            <v>物価資料</v>
          </cell>
        </row>
        <row r="25">
          <cell r="A25">
            <v>2002</v>
          </cell>
          <cell r="C25" t="str">
            <v>ガソリン</v>
          </cell>
          <cell r="D25" t="str">
            <v>スタンド</v>
          </cell>
          <cell r="E25" t="str">
            <v>㍑</v>
          </cell>
          <cell r="F25">
            <v>134</v>
          </cell>
        </row>
        <row r="26">
          <cell r="A26">
            <v>2002.5</v>
          </cell>
        </row>
        <row r="27">
          <cell r="A27">
            <v>2003</v>
          </cell>
          <cell r="C27" t="str">
            <v>諸雑費</v>
          </cell>
          <cell r="E27" t="str">
            <v>式</v>
          </cell>
        </row>
        <row r="28">
          <cell r="A28">
            <v>2003.5</v>
          </cell>
          <cell r="D28" t="str">
            <v>18-8-25BB</v>
          </cell>
          <cell r="H28" t="str">
            <v>物価資料</v>
          </cell>
        </row>
        <row r="29">
          <cell r="A29">
            <v>2004</v>
          </cell>
          <cell r="C29" t="str">
            <v>生コンクリート</v>
          </cell>
          <cell r="D29" t="str">
            <v>W/C指定無し</v>
          </cell>
          <cell r="E29" t="str">
            <v>ｍ3</v>
          </cell>
          <cell r="F29">
            <v>9200</v>
          </cell>
        </row>
        <row r="30">
          <cell r="A30">
            <v>2004.5</v>
          </cell>
          <cell r="H30" t="str">
            <v>物価資料</v>
          </cell>
        </row>
        <row r="31">
          <cell r="A31">
            <v>2005</v>
          </cell>
          <cell r="C31" t="str">
            <v>溶接金網</v>
          </cell>
          <cell r="D31" t="str">
            <v>φ6×150×150</v>
          </cell>
          <cell r="E31" t="str">
            <v>ｍ2</v>
          </cell>
          <cell r="F31">
            <v>260</v>
          </cell>
        </row>
        <row r="32">
          <cell r="A32">
            <v>2005.5</v>
          </cell>
          <cell r="H32" t="str">
            <v>物価資料</v>
          </cell>
        </row>
        <row r="33">
          <cell r="A33">
            <v>2006</v>
          </cell>
          <cell r="C33" t="str">
            <v>再生クラッシャーラン</v>
          </cell>
          <cell r="D33" t="str">
            <v>RC-40</v>
          </cell>
          <cell r="E33" t="str">
            <v>ｍ3</v>
          </cell>
          <cell r="F33">
            <v>1400</v>
          </cell>
        </row>
        <row r="34">
          <cell r="A34">
            <v>2006.5</v>
          </cell>
          <cell r="D34" t="str">
            <v>49kg/本</v>
          </cell>
          <cell r="H34" t="str">
            <v>県単価</v>
          </cell>
        </row>
        <row r="35">
          <cell r="A35">
            <v>2007</v>
          </cell>
          <cell r="C35" t="str">
            <v>両面歩車道境界ﾌﾞﾛｯｸ</v>
          </cell>
          <cell r="D35" t="str">
            <v>150-190×200×600</v>
          </cell>
          <cell r="E35" t="str">
            <v>個</v>
          </cell>
          <cell r="F35">
            <v>1020</v>
          </cell>
        </row>
        <row r="36">
          <cell r="A36">
            <v>2007.5</v>
          </cell>
          <cell r="H36" t="str">
            <v>物価資料</v>
          </cell>
        </row>
        <row r="37">
          <cell r="A37">
            <v>2008</v>
          </cell>
          <cell r="C37" t="str">
            <v>普通ポルトランドセメント</v>
          </cell>
          <cell r="D37" t="str">
            <v>ﾊﾞﾗ</v>
          </cell>
          <cell r="E37" t="str">
            <v>ｔ</v>
          </cell>
          <cell r="F37">
            <v>9800</v>
          </cell>
        </row>
        <row r="38">
          <cell r="A38">
            <v>2008.5</v>
          </cell>
          <cell r="H38" t="str">
            <v>物価資料</v>
          </cell>
        </row>
        <row r="39">
          <cell r="A39">
            <v>2009</v>
          </cell>
          <cell r="C39" t="str">
            <v>コンクリート用骨材砂</v>
          </cell>
          <cell r="D39" t="str">
            <v>洗い　荒目</v>
          </cell>
          <cell r="E39" t="str">
            <v>ｍ3</v>
          </cell>
          <cell r="F39">
            <v>3400</v>
          </cell>
        </row>
        <row r="40">
          <cell r="A40">
            <v>2009.5</v>
          </cell>
          <cell r="H40" t="str">
            <v>県単価</v>
          </cell>
        </row>
        <row r="41">
          <cell r="A41">
            <v>2010</v>
          </cell>
          <cell r="C41" t="str">
            <v>再生粒度調整砕石</v>
          </cell>
          <cell r="D41" t="str">
            <v>RM-30</v>
          </cell>
          <cell r="E41" t="str">
            <v>ｍ3</v>
          </cell>
          <cell r="F41">
            <v>1900</v>
          </cell>
        </row>
        <row r="42">
          <cell r="A42">
            <v>2010.5</v>
          </cell>
          <cell r="H42" t="str">
            <v>物価資料</v>
          </cell>
        </row>
        <row r="43">
          <cell r="A43">
            <v>2011</v>
          </cell>
          <cell r="C43" t="str">
            <v>ｱｽﾌｧﾙﾄ混合物</v>
          </cell>
          <cell r="D43" t="str">
            <v>粗粒度As20</v>
          </cell>
          <cell r="E43" t="str">
            <v>t</v>
          </cell>
          <cell r="F43">
            <v>11500</v>
          </cell>
        </row>
        <row r="44">
          <cell r="A44">
            <v>2011.5</v>
          </cell>
          <cell r="H44" t="str">
            <v>物価資料</v>
          </cell>
        </row>
        <row r="45">
          <cell r="A45">
            <v>2012</v>
          </cell>
          <cell r="C45" t="str">
            <v>ｱｽﾌｧﾙﾄ混合物</v>
          </cell>
          <cell r="D45" t="str">
            <v>密粒度Aｓ20</v>
          </cell>
          <cell r="E45" t="str">
            <v>t</v>
          </cell>
          <cell r="F45">
            <v>11700</v>
          </cell>
        </row>
        <row r="46">
          <cell r="A46">
            <v>2012.5</v>
          </cell>
          <cell r="H46" t="str">
            <v>物価資料</v>
          </cell>
        </row>
        <row r="47">
          <cell r="A47">
            <v>2013</v>
          </cell>
          <cell r="C47" t="str">
            <v>瀝青材</v>
          </cell>
          <cell r="D47" t="str">
            <v>ﾌﾟﾗｲﾑｺｰﾄPK-3</v>
          </cell>
          <cell r="E47" t="str">
            <v>㍑</v>
          </cell>
          <cell r="F47">
            <v>83</v>
          </cell>
        </row>
        <row r="48">
          <cell r="A48">
            <v>2013.5</v>
          </cell>
          <cell r="H48" t="str">
            <v>物価資料</v>
          </cell>
        </row>
        <row r="49">
          <cell r="A49">
            <v>2014</v>
          </cell>
          <cell r="C49" t="str">
            <v>瀝青材</v>
          </cell>
          <cell r="D49" t="str">
            <v>ﾀｯｸｺｰﾄPK-4</v>
          </cell>
          <cell r="E49" t="str">
            <v>㍑</v>
          </cell>
          <cell r="F49">
            <v>83</v>
          </cell>
        </row>
        <row r="50">
          <cell r="A50">
            <v>2014.5</v>
          </cell>
        </row>
        <row r="51">
          <cell r="A51">
            <v>2015</v>
          </cell>
        </row>
        <row r="52">
          <cell r="A52">
            <v>3000.5</v>
          </cell>
          <cell r="D52" t="str">
            <v>H=1500</v>
          </cell>
          <cell r="H52" t="str">
            <v>見積</v>
          </cell>
        </row>
        <row r="53">
          <cell r="A53">
            <v>3001</v>
          </cell>
          <cell r="C53" t="str">
            <v>アルミフェンス</v>
          </cell>
          <cell r="D53" t="str">
            <v>　基礎含</v>
          </cell>
          <cell r="E53" t="str">
            <v>ｍ</v>
          </cell>
          <cell r="F53">
            <v>28380</v>
          </cell>
        </row>
        <row r="54">
          <cell r="A54">
            <v>3001.5</v>
          </cell>
          <cell r="D54" t="str">
            <v>H=1500</v>
          </cell>
          <cell r="H54" t="str">
            <v>見積</v>
          </cell>
        </row>
        <row r="55">
          <cell r="A55">
            <v>3002</v>
          </cell>
          <cell r="C55" t="str">
            <v>アルミフェンス設置手間</v>
          </cell>
          <cell r="D55" t="str">
            <v>基礎含</v>
          </cell>
          <cell r="E55" t="str">
            <v>ｍ</v>
          </cell>
          <cell r="F55">
            <v>10000</v>
          </cell>
        </row>
        <row r="56">
          <cell r="A56">
            <v>3002.5</v>
          </cell>
          <cell r="D56" t="str">
            <v>H=1500　W=1000</v>
          </cell>
          <cell r="H56" t="str">
            <v>見積</v>
          </cell>
        </row>
        <row r="57">
          <cell r="A57">
            <v>3003</v>
          </cell>
          <cell r="C57" t="str">
            <v>片開門扉</v>
          </cell>
          <cell r="D57" t="str">
            <v>基礎含</v>
          </cell>
          <cell r="E57" t="str">
            <v>基</v>
          </cell>
          <cell r="F57">
            <v>327300</v>
          </cell>
        </row>
        <row r="58">
          <cell r="A58">
            <v>3003.5</v>
          </cell>
          <cell r="D58" t="str">
            <v>H=1500　W=1000</v>
          </cell>
          <cell r="H58" t="str">
            <v>見積</v>
          </cell>
        </row>
        <row r="59">
          <cell r="A59">
            <v>3004</v>
          </cell>
          <cell r="C59" t="str">
            <v>片開門扉設置手間</v>
          </cell>
          <cell r="D59" t="str">
            <v>基礎含</v>
          </cell>
          <cell r="E59" t="str">
            <v>基</v>
          </cell>
          <cell r="F59">
            <v>60000</v>
          </cell>
        </row>
        <row r="60">
          <cell r="A60">
            <v>3004.5</v>
          </cell>
          <cell r="H60" t="str">
            <v>見積</v>
          </cell>
        </row>
        <row r="61">
          <cell r="A61">
            <v>3005</v>
          </cell>
          <cell r="C61" t="str">
            <v>既設フェンス撤去工</v>
          </cell>
          <cell r="E61" t="str">
            <v>ｍ</v>
          </cell>
          <cell r="F61">
            <v>5000</v>
          </cell>
        </row>
        <row r="62">
          <cell r="A62">
            <v>3005.5</v>
          </cell>
          <cell r="H62" t="str">
            <v>土木単価</v>
          </cell>
        </row>
        <row r="63">
          <cell r="A63">
            <v>3006</v>
          </cell>
          <cell r="C63" t="str">
            <v>植栽撤去工</v>
          </cell>
          <cell r="D63" t="str">
            <v>低木　樹木高60cm未満</v>
          </cell>
          <cell r="E63" t="str">
            <v>本</v>
          </cell>
          <cell r="F63">
            <v>270</v>
          </cell>
        </row>
        <row r="64">
          <cell r="A64">
            <v>3006.5</v>
          </cell>
          <cell r="D64" t="str">
            <v>塩化ビニル製</v>
          </cell>
          <cell r="H64" t="str">
            <v>土木単価</v>
          </cell>
        </row>
        <row r="65">
          <cell r="A65">
            <v>3007</v>
          </cell>
          <cell r="C65" t="str">
            <v>排水桝設置工</v>
          </cell>
          <cell r="D65" t="str">
            <v>桝径φ200</v>
          </cell>
          <cell r="E65" t="str">
            <v>箇所</v>
          </cell>
          <cell r="F65">
            <v>13200</v>
          </cell>
        </row>
        <row r="66">
          <cell r="A66">
            <v>3007.5</v>
          </cell>
          <cell r="D66" t="str">
            <v>塩化ビニル管</v>
          </cell>
          <cell r="H66" t="str">
            <v>土木単価</v>
          </cell>
        </row>
        <row r="67">
          <cell r="A67">
            <v>3008</v>
          </cell>
          <cell r="C67" t="str">
            <v>取付管布設工(小規模)</v>
          </cell>
          <cell r="D67" t="str">
            <v>φ100　L=7.5ｍ</v>
          </cell>
          <cell r="E67" t="str">
            <v>箇所</v>
          </cell>
          <cell r="F67">
            <v>12776</v>
          </cell>
        </row>
        <row r="68">
          <cell r="A68">
            <v>3008.5</v>
          </cell>
          <cell r="H68" t="str">
            <v>見積</v>
          </cell>
        </row>
        <row r="69">
          <cell r="A69">
            <v>3009</v>
          </cell>
          <cell r="C69" t="str">
            <v>既設ゲート移設工</v>
          </cell>
          <cell r="E69" t="str">
            <v>式</v>
          </cell>
          <cell r="F69">
            <v>50000</v>
          </cell>
        </row>
        <row r="70">
          <cell r="A70">
            <v>4000.5</v>
          </cell>
          <cell r="D70" t="str">
            <v>排出ｶﾞｽ対策型(第2次)</v>
          </cell>
          <cell r="H70" t="str">
            <v>機損P2-12</v>
          </cell>
        </row>
        <row r="71">
          <cell r="A71">
            <v>4001</v>
          </cell>
          <cell r="C71" t="str">
            <v>ﾊﾞｯｸﾎｳ損料</v>
          </cell>
          <cell r="D71" t="str">
            <v>0.60m3BF</v>
          </cell>
          <cell r="E71" t="str">
            <v>供用日</v>
          </cell>
          <cell r="F71">
            <v>17800</v>
          </cell>
        </row>
        <row r="72">
          <cell r="A72">
            <v>4001.5</v>
          </cell>
          <cell r="D72" t="str">
            <v>排出ｶﾞｽ対策型(第2次)</v>
          </cell>
          <cell r="H72" t="str">
            <v>機損P2-12</v>
          </cell>
        </row>
        <row r="73">
          <cell r="A73">
            <v>4002</v>
          </cell>
          <cell r="C73" t="str">
            <v>ﾊﾞｯｸﾎｳ損料</v>
          </cell>
          <cell r="D73" t="str">
            <v>0.60m3BF</v>
          </cell>
          <cell r="E73" t="str">
            <v>h</v>
          </cell>
          <cell r="F73">
            <v>4650</v>
          </cell>
        </row>
        <row r="74">
          <cell r="A74">
            <v>4002.5</v>
          </cell>
          <cell r="D74" t="str">
            <v>ﾊﾝﾄﾞｶﾞｲﾄﾞ式</v>
          </cell>
          <cell r="H74" t="str">
            <v>物価資料</v>
          </cell>
        </row>
        <row r="75">
          <cell r="A75">
            <v>4003</v>
          </cell>
          <cell r="C75" t="str">
            <v>振動ﾛｰﾗ賃料</v>
          </cell>
          <cell r="D75" t="str">
            <v>0.8～1.1t</v>
          </cell>
          <cell r="E75" t="str">
            <v>日</v>
          </cell>
          <cell r="F75">
            <v>2300</v>
          </cell>
        </row>
        <row r="76">
          <cell r="A76">
            <v>4003.5</v>
          </cell>
          <cell r="H76" t="str">
            <v>物価資料</v>
          </cell>
        </row>
        <row r="77">
          <cell r="A77">
            <v>4004</v>
          </cell>
          <cell r="C77" t="str">
            <v>ﾀﾝﾊﾟ賃料</v>
          </cell>
          <cell r="D77" t="str">
            <v>60～80kg</v>
          </cell>
          <cell r="E77" t="str">
            <v>日</v>
          </cell>
          <cell r="F77">
            <v>720</v>
          </cell>
        </row>
        <row r="78">
          <cell r="A78">
            <v>4004.5</v>
          </cell>
          <cell r="H78" t="str">
            <v>機損P3-2</v>
          </cell>
        </row>
        <row r="79">
          <cell r="A79">
            <v>4005</v>
          </cell>
          <cell r="C79" t="str">
            <v>ﾀﾞﾝﾌﾟﾄﾗｯｸ損料</v>
          </cell>
          <cell r="D79" t="str">
            <v>10tDT</v>
          </cell>
          <cell r="E79" t="str">
            <v>供用日</v>
          </cell>
          <cell r="F79">
            <v>16400</v>
          </cell>
        </row>
        <row r="80">
          <cell r="A80">
            <v>4005.5</v>
          </cell>
          <cell r="D80" t="str">
            <v>ﾀﾞﾝﾌﾟﾄﾗｯｸ10t</v>
          </cell>
          <cell r="H80" t="str">
            <v>機損(53)</v>
          </cell>
        </row>
        <row r="81">
          <cell r="A81">
            <v>4006</v>
          </cell>
          <cell r="C81" t="str">
            <v>ﾀｲﾔ損耗費</v>
          </cell>
          <cell r="D81" t="str">
            <v>良好</v>
          </cell>
          <cell r="E81" t="str">
            <v>供用日</v>
          </cell>
          <cell r="F81">
            <v>736</v>
          </cell>
        </row>
        <row r="82">
          <cell r="A82">
            <v>4006.5</v>
          </cell>
          <cell r="D82" t="str">
            <v>排出ｶﾞｽ対策型(第1次)</v>
          </cell>
          <cell r="H82" t="str">
            <v>機損P2-12</v>
          </cell>
        </row>
        <row r="83">
          <cell r="A83">
            <v>4007</v>
          </cell>
          <cell r="C83" t="str">
            <v>ﾊﾞｯｸﾎｳ損料</v>
          </cell>
          <cell r="D83" t="str">
            <v>0.60m3BF</v>
          </cell>
          <cell r="E83" t="str">
            <v>供用日</v>
          </cell>
          <cell r="F83">
            <v>16800</v>
          </cell>
        </row>
        <row r="84">
          <cell r="A84">
            <v>4007.5</v>
          </cell>
          <cell r="D84" t="str">
            <v>排出ｶﾞｽ対策型(第1次) ｸﾛｰﾗ型・超小旋回型</v>
          </cell>
          <cell r="H84" t="str">
            <v>物価資料</v>
          </cell>
        </row>
        <row r="85">
          <cell r="A85">
            <v>4008</v>
          </cell>
          <cell r="C85" t="str">
            <v>小型ﾊﾞｯｸﾎｳ賃料</v>
          </cell>
          <cell r="D85" t="str">
            <v>山積0.22m3(平積0.16m3)BF</v>
          </cell>
          <cell r="E85" t="str">
            <v>日</v>
          </cell>
          <cell r="F85">
            <v>7500</v>
          </cell>
        </row>
        <row r="86">
          <cell r="A86">
            <v>4008.5</v>
          </cell>
          <cell r="D86" t="str">
            <v>排出ｶﾞｽ対策型(第1次)</v>
          </cell>
          <cell r="H86" t="str">
            <v>機損P7-2</v>
          </cell>
        </row>
        <row r="87">
          <cell r="A87">
            <v>4009</v>
          </cell>
          <cell r="C87" t="str">
            <v>ﾓｰﾀｰｸﾞﾚｰﾀﾞ損料</v>
          </cell>
          <cell r="D87" t="str">
            <v>3.1m</v>
          </cell>
          <cell r="E87" t="str">
            <v>供用日</v>
          </cell>
          <cell r="F87">
            <v>15300</v>
          </cell>
        </row>
        <row r="88">
          <cell r="A88">
            <v>4009.5</v>
          </cell>
          <cell r="D88" t="str">
            <v>排出ｶﾞｽ対策型(第1次)</v>
          </cell>
          <cell r="H88" t="str">
            <v>機損P8-2</v>
          </cell>
        </row>
        <row r="89">
          <cell r="A89">
            <v>4010</v>
          </cell>
          <cell r="C89" t="str">
            <v>ﾛｰﾄﾞﾛｰﾗ損料</v>
          </cell>
          <cell r="D89" t="str">
            <v>ﾏｶﾀﾞﾑ 10～12t</v>
          </cell>
          <cell r="E89" t="str">
            <v>供用日</v>
          </cell>
          <cell r="F89">
            <v>11700</v>
          </cell>
        </row>
        <row r="90">
          <cell r="A90">
            <v>4010.5</v>
          </cell>
          <cell r="D90" t="str">
            <v>排出ｶﾞｽ対策型(第1次)</v>
          </cell>
          <cell r="H90" t="str">
            <v>機損P8-2</v>
          </cell>
        </row>
        <row r="91">
          <cell r="A91">
            <v>4011</v>
          </cell>
          <cell r="C91" t="str">
            <v>ﾀｲﾔﾛｰﾗ損料</v>
          </cell>
          <cell r="D91" t="str">
            <v>8～20t</v>
          </cell>
          <cell r="E91" t="str">
            <v>供用日</v>
          </cell>
          <cell r="F91">
            <v>10800</v>
          </cell>
        </row>
        <row r="92">
          <cell r="A92">
            <v>4011.5</v>
          </cell>
          <cell r="D92" t="str">
            <v xml:space="preserve">排出ｶﾞｽ対策型(第1次) </v>
          </cell>
          <cell r="H92" t="str">
            <v>物価資料</v>
          </cell>
        </row>
        <row r="93">
          <cell r="A93">
            <v>4012</v>
          </cell>
          <cell r="C93" t="str">
            <v>振動ﾛｰﾗ賃料</v>
          </cell>
          <cell r="D93" t="str">
            <v>搭乗式ｺﾝﾊﾞｲﾝﾄ型 3～4t</v>
          </cell>
          <cell r="E93" t="str">
            <v>日</v>
          </cell>
          <cell r="F93">
            <v>5400</v>
          </cell>
        </row>
        <row r="94">
          <cell r="A94">
            <v>4012.5</v>
          </cell>
          <cell r="D94" t="str">
            <v>排出ｶﾞｽ対策型(第2次) ｸﾛｰﾗ型</v>
          </cell>
          <cell r="H94" t="str">
            <v>物価資料</v>
          </cell>
        </row>
        <row r="95">
          <cell r="A95">
            <v>4013</v>
          </cell>
          <cell r="C95" t="str">
            <v>小型ﾊﾞｯｸﾎｳ賃料</v>
          </cell>
          <cell r="D95" t="str">
            <v>山積0.11m3(平積0.08m3)BF</v>
          </cell>
          <cell r="E95" t="str">
            <v>日</v>
          </cell>
          <cell r="F95">
            <v>5000</v>
          </cell>
        </row>
        <row r="96">
          <cell r="A96">
            <v>4013.5</v>
          </cell>
          <cell r="H96" t="str">
            <v>機損P10-2</v>
          </cell>
        </row>
        <row r="97">
          <cell r="A97">
            <v>4014</v>
          </cell>
          <cell r="C97" t="str">
            <v>ｱｽﾌｧﾙﾄﾌｨﾆｯｼｬ損料</v>
          </cell>
          <cell r="D97" t="str">
            <v>ｸﾛｰﾗ型 1.4～3.0m</v>
          </cell>
          <cell r="E97" t="str">
            <v>供用日</v>
          </cell>
          <cell r="F97">
            <v>14700</v>
          </cell>
        </row>
        <row r="98">
          <cell r="A98">
            <v>4014.5</v>
          </cell>
        </row>
        <row r="99">
          <cell r="A99">
            <v>4015</v>
          </cell>
        </row>
        <row r="100">
          <cell r="A100">
            <v>5000.5</v>
          </cell>
          <cell r="D100" t="str">
            <v xml:space="preserve">排出ｶﾞｽ対策型(第2次) </v>
          </cell>
          <cell r="H100" t="str">
            <v>第1号 単一表</v>
          </cell>
        </row>
        <row r="101">
          <cell r="A101">
            <v>5001</v>
          </cell>
          <cell r="C101" t="str">
            <v>機械掘削積込工(地山)</v>
          </cell>
          <cell r="D101" t="str">
            <v>山積0.8m3(平積0.6m3)BF</v>
          </cell>
          <cell r="E101" t="str">
            <v>ｍ3</v>
          </cell>
          <cell r="F101">
            <v>184</v>
          </cell>
        </row>
        <row r="102">
          <cell r="A102">
            <v>5001.5</v>
          </cell>
          <cell r="D102" t="str">
            <v xml:space="preserve">排出ｶﾞｽ対策型(第2次) </v>
          </cell>
          <cell r="H102" t="str">
            <v>第2号 単一表</v>
          </cell>
        </row>
        <row r="103">
          <cell r="A103">
            <v>5002</v>
          </cell>
          <cell r="C103" t="str">
            <v>ﾊﾞｯｸﾎｳ運転</v>
          </cell>
          <cell r="D103" t="str">
            <v>山積0.8m3(平積0.6m3)BF</v>
          </cell>
          <cell r="E103" t="str">
            <v>日</v>
          </cell>
          <cell r="F103">
            <v>55800</v>
          </cell>
        </row>
        <row r="104">
          <cell r="A104">
            <v>5002.5</v>
          </cell>
          <cell r="D104" t="str">
            <v xml:space="preserve">排出ｶﾞｽ対策型(第2次) </v>
          </cell>
          <cell r="H104" t="str">
            <v>第3号 単一表</v>
          </cell>
        </row>
        <row r="105">
          <cell r="A105">
            <v>5003</v>
          </cell>
          <cell r="C105" t="str">
            <v>機械投入良質土埋戻工C</v>
          </cell>
          <cell r="D105" t="str">
            <v>山積0.8m3(平積0.6m3)BF</v>
          </cell>
          <cell r="E105" t="str">
            <v>ｍ3</v>
          </cell>
          <cell r="F105">
            <v>1347</v>
          </cell>
        </row>
        <row r="106">
          <cell r="A106">
            <v>5003.5</v>
          </cell>
          <cell r="D106" t="str">
            <v xml:space="preserve">排出ｶﾞｽ対策型(第2次) </v>
          </cell>
          <cell r="H106" t="str">
            <v>第4号 単一表</v>
          </cell>
        </row>
        <row r="107">
          <cell r="A107">
            <v>5004</v>
          </cell>
          <cell r="C107" t="str">
            <v>ﾊﾞｯｸﾎｳ運転</v>
          </cell>
          <cell r="D107" t="str">
            <v>山積0.8m3(平積0.6m3)BF</v>
          </cell>
          <cell r="E107" t="str">
            <v>h</v>
          </cell>
          <cell r="F107">
            <v>9510</v>
          </cell>
        </row>
        <row r="108">
          <cell r="A108">
            <v>5004.5</v>
          </cell>
          <cell r="D108" t="str">
            <v>ﾊﾝﾄﾞｶﾞｲﾄﾞ式</v>
          </cell>
          <cell r="H108" t="str">
            <v>第5号 単一表</v>
          </cell>
        </row>
        <row r="109">
          <cell r="A109">
            <v>5005</v>
          </cell>
          <cell r="C109" t="str">
            <v>振動ﾛｰﾗｰ運転</v>
          </cell>
          <cell r="D109" t="str">
            <v>0.8～1.1t</v>
          </cell>
          <cell r="E109" t="str">
            <v>日</v>
          </cell>
          <cell r="F109">
            <v>21500</v>
          </cell>
        </row>
        <row r="110">
          <cell r="A110">
            <v>5005.5</v>
          </cell>
          <cell r="H110" t="str">
            <v>第6号 単一表</v>
          </cell>
        </row>
        <row r="111">
          <cell r="A111">
            <v>5006</v>
          </cell>
          <cell r="C111" t="str">
            <v>ﾀﾝﾊﾟ締固め</v>
          </cell>
          <cell r="D111" t="str">
            <v>60～80kg</v>
          </cell>
          <cell r="E111" t="str">
            <v>ｍ3</v>
          </cell>
          <cell r="F111">
            <v>1008</v>
          </cell>
        </row>
        <row r="112">
          <cell r="A112">
            <v>5006.5</v>
          </cell>
          <cell r="H112" t="str">
            <v>第7号 単一表</v>
          </cell>
        </row>
        <row r="113">
          <cell r="A113">
            <v>5007</v>
          </cell>
          <cell r="C113" t="str">
            <v>ﾀﾝﾊﾟ運転</v>
          </cell>
          <cell r="D113" t="str">
            <v>60～80kg</v>
          </cell>
          <cell r="E113" t="str">
            <v>日</v>
          </cell>
          <cell r="F113">
            <v>19200</v>
          </cell>
        </row>
        <row r="114">
          <cell r="A114">
            <v>5007.5</v>
          </cell>
          <cell r="D114" t="str">
            <v>土砂 運搬距離9km DID区間有り</v>
          </cell>
          <cell r="H114" t="str">
            <v>第8号 単一表</v>
          </cell>
        </row>
        <row r="115">
          <cell r="A115">
            <v>5008</v>
          </cell>
          <cell r="C115" t="str">
            <v>残土処理工</v>
          </cell>
          <cell r="D115" t="str">
            <v>10t積 良好</v>
          </cell>
          <cell r="E115" t="str">
            <v>ｍ3</v>
          </cell>
          <cell r="F115">
            <v>1212</v>
          </cell>
        </row>
        <row r="116">
          <cell r="A116">
            <v>5008.5</v>
          </cell>
          <cell r="H116" t="str">
            <v>第9号 単一表</v>
          </cell>
        </row>
        <row r="117">
          <cell r="A117">
            <v>5009</v>
          </cell>
          <cell r="C117" t="str">
            <v>ﾀﾞﾝﾌﾟﾄﾗｯｸ運転費</v>
          </cell>
          <cell r="D117" t="str">
            <v>10t積 良好</v>
          </cell>
          <cell r="E117" t="str">
            <v>日</v>
          </cell>
          <cell r="F117">
            <v>44900</v>
          </cell>
        </row>
        <row r="118">
          <cell r="A118">
            <v>5009.5</v>
          </cell>
          <cell r="D118" t="str">
            <v>切土法面整形</v>
          </cell>
          <cell r="H118" t="str">
            <v>第10号 単一表</v>
          </cell>
        </row>
        <row r="119">
          <cell r="A119">
            <v>5010</v>
          </cell>
          <cell r="C119" t="str">
            <v>法面整形工</v>
          </cell>
          <cell r="D119" t="str">
            <v>砂質土 0.6m3BH(ﾊﾞｽｹｯﾄ付)</v>
          </cell>
          <cell r="E119" t="str">
            <v>ｍ2</v>
          </cell>
          <cell r="F119">
            <v>706</v>
          </cell>
        </row>
        <row r="120">
          <cell r="A120">
            <v>5010.5</v>
          </cell>
          <cell r="D120" t="str">
            <v>盛土法面整形</v>
          </cell>
          <cell r="H120" t="str">
            <v>第11号 単一表</v>
          </cell>
        </row>
        <row r="121">
          <cell r="A121">
            <v>5011</v>
          </cell>
          <cell r="C121" t="str">
            <v>法面整形工</v>
          </cell>
          <cell r="D121" t="str">
            <v>土羽 0.6m3BH(ﾊﾞｽｹｯﾄ付)</v>
          </cell>
          <cell r="E121" t="str">
            <v>ｍ2</v>
          </cell>
          <cell r="F121">
            <v>595</v>
          </cell>
        </row>
        <row r="122">
          <cell r="A122">
            <v>5011.5</v>
          </cell>
          <cell r="D122" t="str">
            <v xml:space="preserve">排出ｶﾞｽ対策型(第2次) </v>
          </cell>
          <cell r="H122" t="str">
            <v>第12号 単一表</v>
          </cell>
        </row>
        <row r="123">
          <cell r="A123">
            <v>5012</v>
          </cell>
          <cell r="C123" t="str">
            <v>ﾊﾞｯｸﾎｳ運転</v>
          </cell>
          <cell r="D123" t="str">
            <v>山積0.8m3(平積0.6m3)BF</v>
          </cell>
          <cell r="E123" t="str">
            <v>h</v>
          </cell>
          <cell r="F123">
            <v>9690</v>
          </cell>
        </row>
        <row r="124">
          <cell r="A124">
            <v>5012.5</v>
          </cell>
          <cell r="H124" t="str">
            <v>第13号 単一表</v>
          </cell>
        </row>
        <row r="125">
          <cell r="A125">
            <v>5013</v>
          </cell>
          <cell r="C125" t="str">
            <v>試掘工</v>
          </cell>
          <cell r="D125">
            <v>0</v>
          </cell>
          <cell r="E125" t="str">
            <v>箇所</v>
          </cell>
          <cell r="F125">
            <v>1530</v>
          </cell>
        </row>
        <row r="126">
          <cell r="A126">
            <v>5013.5</v>
          </cell>
          <cell r="H126" t="str">
            <v>第14号 単一表</v>
          </cell>
        </row>
        <row r="127">
          <cell r="A127">
            <v>5014</v>
          </cell>
          <cell r="C127" t="str">
            <v>フェンス設置工</v>
          </cell>
          <cell r="D127" t="str">
            <v>H=1.5m 独立基礎式</v>
          </cell>
          <cell r="E127" t="str">
            <v>ｍ</v>
          </cell>
          <cell r="F127">
            <v>38300</v>
          </cell>
        </row>
        <row r="128">
          <cell r="A128">
            <v>5014.5</v>
          </cell>
          <cell r="H128" t="str">
            <v>第15号 単一表</v>
          </cell>
        </row>
        <row r="129">
          <cell r="A129">
            <v>5015</v>
          </cell>
          <cell r="C129" t="str">
            <v>フェンス門扉設置工</v>
          </cell>
          <cell r="D129" t="str">
            <v>H=1.5m 片開きW=1.0m</v>
          </cell>
          <cell r="E129" t="str">
            <v>基</v>
          </cell>
          <cell r="F129">
            <v>387300</v>
          </cell>
        </row>
        <row r="130">
          <cell r="A130">
            <v>5015.5</v>
          </cell>
          <cell r="H130" t="str">
            <v>第16号 単一表</v>
          </cell>
        </row>
        <row r="131">
          <cell r="A131">
            <v>5016</v>
          </cell>
          <cell r="C131" t="str">
            <v>階段工</v>
          </cell>
          <cell r="D131">
            <v>0</v>
          </cell>
          <cell r="E131" t="str">
            <v>箇所</v>
          </cell>
          <cell r="F131">
            <v>43600</v>
          </cell>
        </row>
        <row r="132">
          <cell r="A132">
            <v>5016.5</v>
          </cell>
          <cell r="D132" t="str">
            <v>小型構造物　人力</v>
          </cell>
          <cell r="H132" t="str">
            <v>第17号 単一表</v>
          </cell>
        </row>
        <row r="133">
          <cell r="A133">
            <v>5017</v>
          </cell>
          <cell r="C133" t="str">
            <v>ｺﾝｸﾘｰﾄ工</v>
          </cell>
          <cell r="D133" t="str">
            <v xml:space="preserve">18-8-25BB </v>
          </cell>
          <cell r="E133" t="str">
            <v>ｍ3</v>
          </cell>
          <cell r="F133">
            <v>18580</v>
          </cell>
        </row>
        <row r="134">
          <cell r="A134">
            <v>5017.5</v>
          </cell>
          <cell r="H134" t="str">
            <v>第18号 単一表</v>
          </cell>
        </row>
        <row r="135">
          <cell r="A135">
            <v>5018</v>
          </cell>
          <cell r="C135" t="str">
            <v>型枠工</v>
          </cell>
          <cell r="D135" t="str">
            <v>小型構造物</v>
          </cell>
          <cell r="E135" t="str">
            <v>ｍ2</v>
          </cell>
          <cell r="F135">
            <v>5370</v>
          </cell>
        </row>
        <row r="136">
          <cell r="A136">
            <v>5018.5</v>
          </cell>
          <cell r="H136" t="str">
            <v>第19号 単一表</v>
          </cell>
        </row>
        <row r="137">
          <cell r="A137">
            <v>5019</v>
          </cell>
          <cell r="C137" t="str">
            <v>基礎砕石工</v>
          </cell>
          <cell r="D137" t="str">
            <v>RC-40 t=10cm</v>
          </cell>
          <cell r="E137" t="str">
            <v>ｍ2</v>
          </cell>
          <cell r="F137">
            <v>826</v>
          </cell>
        </row>
        <row r="138">
          <cell r="A138">
            <v>5019.5</v>
          </cell>
          <cell r="D138" t="str">
            <v xml:space="preserve">排出ｶﾞｽ対策型(第1次) </v>
          </cell>
          <cell r="H138" t="str">
            <v>第20号 単一表</v>
          </cell>
        </row>
        <row r="139">
          <cell r="A139">
            <v>5020</v>
          </cell>
          <cell r="C139" t="str">
            <v>ﾊﾞｯｸﾎｳ運転</v>
          </cell>
          <cell r="D139" t="str">
            <v>山積0.8m3(平積0.6m3)BF</v>
          </cell>
          <cell r="E139" t="str">
            <v>日</v>
          </cell>
          <cell r="F139">
            <v>28200</v>
          </cell>
        </row>
        <row r="140">
          <cell r="A140">
            <v>5020.5</v>
          </cell>
          <cell r="D140" t="str">
            <v>49kg/本</v>
          </cell>
          <cell r="H140" t="str">
            <v>第21号 単一表</v>
          </cell>
        </row>
        <row r="141">
          <cell r="A141">
            <v>5021</v>
          </cell>
          <cell r="C141" t="str">
            <v>歩車道境界ブロック設置工</v>
          </cell>
          <cell r="D141" t="str">
            <v>L=0.6m</v>
          </cell>
          <cell r="E141" t="str">
            <v>ｍ</v>
          </cell>
          <cell r="F141">
            <v>5537</v>
          </cell>
        </row>
        <row r="142">
          <cell r="A142">
            <v>5021.5</v>
          </cell>
          <cell r="D142" t="str">
            <v>49kg/本</v>
          </cell>
          <cell r="H142" t="str">
            <v>第22号 単一表</v>
          </cell>
        </row>
        <row r="143">
          <cell r="A143">
            <v>5022</v>
          </cell>
          <cell r="C143" t="str">
            <v>ブロック設置工</v>
          </cell>
          <cell r="D143" t="str">
            <v>150-190×200×600</v>
          </cell>
          <cell r="E143" t="str">
            <v>ｍ</v>
          </cell>
          <cell r="F143">
            <v>3035</v>
          </cell>
        </row>
        <row r="144">
          <cell r="A144">
            <v>5022.5</v>
          </cell>
          <cell r="H144" t="str">
            <v>第23号 単一表</v>
          </cell>
        </row>
        <row r="145">
          <cell r="A145">
            <v>5023</v>
          </cell>
          <cell r="C145" t="str">
            <v>ブロック撤去・処分工</v>
          </cell>
          <cell r="D145" t="str">
            <v>800mm以下</v>
          </cell>
          <cell r="E145" t="str">
            <v>ｍ</v>
          </cell>
          <cell r="F145">
            <v>503</v>
          </cell>
        </row>
        <row r="146">
          <cell r="A146">
            <v>5023.5</v>
          </cell>
          <cell r="D146" t="str">
            <v>排出ｶﾞｽ対策型(第1次) ｸﾛｰﾗ型・超小旋回型</v>
          </cell>
          <cell r="H146" t="str">
            <v>第24号 単一表</v>
          </cell>
        </row>
        <row r="147">
          <cell r="A147">
            <v>5024</v>
          </cell>
          <cell r="C147" t="str">
            <v>小型ﾊﾞｯｸﾎｳ運転</v>
          </cell>
          <cell r="D147" t="str">
            <v>山積0.22m3(平積0.16m3)BF</v>
          </cell>
          <cell r="E147" t="str">
            <v>日</v>
          </cell>
          <cell r="F147">
            <v>30500</v>
          </cell>
        </row>
        <row r="148">
          <cell r="A148">
            <v>5024.5</v>
          </cell>
          <cell r="H148" t="str">
            <v>第25号 単一表</v>
          </cell>
        </row>
        <row r="149">
          <cell r="A149">
            <v>5025</v>
          </cell>
          <cell r="C149" t="str">
            <v>敷ﾓﾙﾀﾙ工</v>
          </cell>
          <cell r="D149" t="str">
            <v>1:3</v>
          </cell>
          <cell r="E149" t="str">
            <v>ｍ3</v>
          </cell>
          <cell r="F149">
            <v>24600</v>
          </cell>
        </row>
        <row r="150">
          <cell r="A150">
            <v>5025.5</v>
          </cell>
          <cell r="D150" t="str">
            <v>無筋構造物　人力</v>
          </cell>
          <cell r="H150" t="str">
            <v>第26号 単一表</v>
          </cell>
        </row>
        <row r="151">
          <cell r="A151">
            <v>5026</v>
          </cell>
          <cell r="C151" t="str">
            <v>基礎ｺﾝｸﾘｰﾄ工</v>
          </cell>
          <cell r="D151" t="str">
            <v xml:space="preserve">18-8-25BB </v>
          </cell>
          <cell r="E151" t="str">
            <v>ｍ3</v>
          </cell>
          <cell r="F151">
            <v>14680</v>
          </cell>
        </row>
        <row r="152">
          <cell r="A152">
            <v>5026.5</v>
          </cell>
          <cell r="H152" t="str">
            <v>第27号 単一表</v>
          </cell>
        </row>
        <row r="153">
          <cell r="A153">
            <v>5027</v>
          </cell>
          <cell r="C153" t="str">
            <v>不陸整正工</v>
          </cell>
          <cell r="D153" t="str">
            <v>補足材なし</v>
          </cell>
          <cell r="E153" t="str">
            <v>ｍ2</v>
          </cell>
          <cell r="F153">
            <v>93</v>
          </cell>
        </row>
        <row r="154">
          <cell r="A154">
            <v>5027.5</v>
          </cell>
          <cell r="D154" t="str">
            <v xml:space="preserve">排出ｶﾞｽ対策型(第1次) </v>
          </cell>
          <cell r="H154" t="str">
            <v>第28号 単一表</v>
          </cell>
        </row>
        <row r="155">
          <cell r="A155">
            <v>5028</v>
          </cell>
          <cell r="C155" t="str">
            <v>ﾓｰﾀｰｸﾞﾚｰﾀﾞ運転</v>
          </cell>
          <cell r="D155" t="str">
            <v>3.1ｍ</v>
          </cell>
          <cell r="E155" t="str">
            <v>日</v>
          </cell>
          <cell r="F155">
            <v>46100</v>
          </cell>
        </row>
        <row r="156">
          <cell r="A156">
            <v>5028.5</v>
          </cell>
          <cell r="D156" t="str">
            <v xml:space="preserve">排出ｶﾞｽ対策型(第1次) </v>
          </cell>
          <cell r="H156" t="str">
            <v>第29号 単一表</v>
          </cell>
        </row>
        <row r="157">
          <cell r="A157">
            <v>5029</v>
          </cell>
          <cell r="C157" t="str">
            <v>ﾛｰﾄﾞﾛｰﾗ運転</v>
          </cell>
          <cell r="D157" t="str">
            <v>ﾏｶﾀﾞﾑ 10～12t</v>
          </cell>
          <cell r="E157" t="str">
            <v>日</v>
          </cell>
          <cell r="F157">
            <v>38400</v>
          </cell>
        </row>
        <row r="158">
          <cell r="A158">
            <v>5029.5</v>
          </cell>
          <cell r="D158" t="str">
            <v xml:space="preserve">排出ｶﾞｽ対策型(第1次) </v>
          </cell>
          <cell r="H158" t="str">
            <v>第30号 単一表</v>
          </cell>
        </row>
        <row r="159">
          <cell r="A159">
            <v>5030</v>
          </cell>
          <cell r="C159" t="str">
            <v>ﾀｲﾔﾛｰﾗ運転</v>
          </cell>
          <cell r="D159" t="str">
            <v>8～20t</v>
          </cell>
          <cell r="E159" t="str">
            <v>日</v>
          </cell>
          <cell r="F159">
            <v>38000</v>
          </cell>
        </row>
        <row r="160">
          <cell r="A160">
            <v>5030.5</v>
          </cell>
          <cell r="D160" t="str">
            <v>人力施工</v>
          </cell>
          <cell r="H160" t="str">
            <v>第31号 単一表</v>
          </cell>
        </row>
        <row r="161">
          <cell r="A161">
            <v>5031</v>
          </cell>
          <cell r="C161" t="str">
            <v>路盤工</v>
          </cell>
          <cell r="D161" t="str">
            <v>RC-40 1層 t=10cm</v>
          </cell>
          <cell r="E161" t="str">
            <v>ｍ2</v>
          </cell>
          <cell r="F161">
            <v>617</v>
          </cell>
        </row>
        <row r="162">
          <cell r="A162">
            <v>5031.5</v>
          </cell>
          <cell r="D162" t="str">
            <v xml:space="preserve">排出ｶﾞｽ対策型(第1次) </v>
          </cell>
          <cell r="H162" t="str">
            <v>第32号 単一表</v>
          </cell>
        </row>
        <row r="163">
          <cell r="A163">
            <v>5032</v>
          </cell>
          <cell r="C163" t="str">
            <v>振動ﾛｰﾗ運転</v>
          </cell>
          <cell r="D163" t="str">
            <v>搭乗式ｺﾝﾊﾞｲﾝﾄ型 3～4t</v>
          </cell>
          <cell r="E163" t="str">
            <v>日</v>
          </cell>
          <cell r="F163">
            <v>27400</v>
          </cell>
        </row>
        <row r="164">
          <cell r="A164">
            <v>5032.5</v>
          </cell>
          <cell r="D164" t="str">
            <v>排出ｶﾞｽ対策型(第2次) ｸﾛｰﾗ型</v>
          </cell>
          <cell r="H164" t="str">
            <v>第33号 単一表</v>
          </cell>
        </row>
        <row r="165">
          <cell r="A165">
            <v>5033</v>
          </cell>
          <cell r="C165" t="str">
            <v>小型ﾊﾞｯｸﾎｳ運転</v>
          </cell>
          <cell r="D165" t="str">
            <v>山積0.11m3(平積0.08m3)BF</v>
          </cell>
          <cell r="E165" t="str">
            <v>日</v>
          </cell>
          <cell r="F165">
            <v>29400</v>
          </cell>
        </row>
        <row r="166">
          <cell r="A166">
            <v>5033.5</v>
          </cell>
          <cell r="D166" t="str">
            <v>人力施工</v>
          </cell>
          <cell r="H166" t="str">
            <v>第34号 単一表</v>
          </cell>
        </row>
        <row r="167">
          <cell r="A167">
            <v>5034</v>
          </cell>
          <cell r="C167" t="str">
            <v>下層路盤工</v>
          </cell>
          <cell r="D167" t="str">
            <v>RC-40 1層 t=15cm</v>
          </cell>
          <cell r="E167" t="str">
            <v>ｍ2</v>
          </cell>
          <cell r="F167">
            <v>706</v>
          </cell>
        </row>
        <row r="168">
          <cell r="A168">
            <v>5034.5</v>
          </cell>
          <cell r="D168" t="str">
            <v>人力施工</v>
          </cell>
          <cell r="H168" t="str">
            <v>第35号 単一表</v>
          </cell>
        </row>
        <row r="169">
          <cell r="A169">
            <v>5035</v>
          </cell>
          <cell r="C169" t="str">
            <v>上層路盤工</v>
          </cell>
          <cell r="D169" t="str">
            <v>RM-30 1層 t=10cm</v>
          </cell>
          <cell r="E169" t="str">
            <v>ｍ2</v>
          </cell>
          <cell r="F169">
            <v>680</v>
          </cell>
        </row>
        <row r="170">
          <cell r="A170">
            <v>5035.5</v>
          </cell>
          <cell r="D170" t="str">
            <v>機械施工 歩道 ﾌﾟﾗｲﾑｺｰﾄ使用</v>
          </cell>
          <cell r="H170" t="str">
            <v>第36号 単一表</v>
          </cell>
        </row>
        <row r="171">
          <cell r="A171">
            <v>5036</v>
          </cell>
          <cell r="C171" t="str">
            <v>基層工</v>
          </cell>
          <cell r="D171" t="str">
            <v>粗粒度As20 t=5cm</v>
          </cell>
          <cell r="E171" t="str">
            <v>ｍ2</v>
          </cell>
          <cell r="F171">
            <v>1759</v>
          </cell>
        </row>
        <row r="172">
          <cell r="A172">
            <v>5036.5</v>
          </cell>
          <cell r="D172" t="str">
            <v xml:space="preserve">排出ｶﾞｽ対策型(第2次) </v>
          </cell>
          <cell r="H172" t="str">
            <v>第37号 単一表</v>
          </cell>
        </row>
        <row r="173">
          <cell r="A173">
            <v>5037</v>
          </cell>
          <cell r="C173" t="str">
            <v>ｱｽﾌｧﾙﾄﾌｨﾆｯｼｬ運転</v>
          </cell>
          <cell r="D173" t="str">
            <v>ｸﾛｰﾗ型 1.4～3.0m</v>
          </cell>
          <cell r="E173" t="str">
            <v>日</v>
          </cell>
          <cell r="F173">
            <v>46000</v>
          </cell>
        </row>
        <row r="174">
          <cell r="A174">
            <v>5037.5</v>
          </cell>
          <cell r="D174" t="str">
            <v xml:space="preserve">排出ｶﾞｽ対策型(第1次) </v>
          </cell>
          <cell r="H174" t="str">
            <v>第38号 単一表</v>
          </cell>
        </row>
        <row r="175">
          <cell r="A175">
            <v>5038</v>
          </cell>
          <cell r="C175" t="str">
            <v>振動ﾛｰﾗ運転</v>
          </cell>
          <cell r="D175" t="str">
            <v>搭乗式ｺﾝﾊﾞｲﾝﾄﾞ型 3～4t</v>
          </cell>
          <cell r="E175" t="str">
            <v>日</v>
          </cell>
          <cell r="F175">
            <v>27700</v>
          </cell>
        </row>
        <row r="176">
          <cell r="A176">
            <v>5038.5</v>
          </cell>
          <cell r="D176" t="str">
            <v>機械施工 歩道 ﾀｯｸｺｰﾄ使用</v>
          </cell>
          <cell r="H176" t="str">
            <v>第39号 単一表</v>
          </cell>
        </row>
        <row r="177">
          <cell r="A177">
            <v>5039</v>
          </cell>
          <cell r="C177" t="str">
            <v>表層工</v>
          </cell>
          <cell r="D177" t="str">
            <v>密粒度As20 t=5cm</v>
          </cell>
          <cell r="E177" t="str">
            <v>ｍ2</v>
          </cell>
          <cell r="F177">
            <v>1715</v>
          </cell>
        </row>
        <row r="178">
          <cell r="A178">
            <v>5039.5</v>
          </cell>
        </row>
        <row r="179">
          <cell r="A179">
            <v>5040</v>
          </cell>
        </row>
      </sheetData>
      <sheetData sheetId="41"/>
    </sheetDataSet>
  </externalBook>
</externalLink>
</file>

<file path=xl/externalLinks/externalLink8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当初表紙"/>
      <sheetName val="内訳集計 "/>
      <sheetName val="諸経費"/>
      <sheetName val="1号"/>
      <sheetName val="1-1号"/>
      <sheetName val="1-2号"/>
      <sheetName val="1-3号"/>
      <sheetName val="2号"/>
      <sheetName val="2-1号"/>
      <sheetName val="3号"/>
      <sheetName val="3-1号"/>
      <sheetName val="3-2号"/>
      <sheetName val="3-3号"/>
      <sheetName val="3-4号"/>
      <sheetName val="3-5号"/>
      <sheetName val="3-6号"/>
      <sheetName val="3-7号"/>
      <sheetName val="3-8号"/>
      <sheetName val="3-9号"/>
      <sheetName val="3-9-1号"/>
      <sheetName val="3-9-2号"/>
      <sheetName val="3-9-3号"/>
      <sheetName val="3-9-4号"/>
      <sheetName val="3-9-5号"/>
      <sheetName val="4号"/>
      <sheetName val="5号"/>
      <sheetName val="5-1号"/>
      <sheetName val="5-2号"/>
      <sheetName val="5-3号"/>
      <sheetName val="5-4号"/>
      <sheetName val="6号"/>
      <sheetName val="7号"/>
      <sheetName val="8号"/>
      <sheetName val="→出力しない"/>
      <sheetName val="単価コード表"/>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row r="3">
          <cell r="B3" t="str">
            <v>番号</v>
          </cell>
          <cell r="C3" t="str">
            <v>工種 （名称）　　［上段］</v>
          </cell>
          <cell r="D3" t="str">
            <v>工種 （名称）　　　［下段］</v>
          </cell>
          <cell r="E3" t="str">
            <v>種別（規格）　　　　［上段］</v>
          </cell>
          <cell r="F3" t="str">
            <v>種別（規格）　　　　［下段］</v>
          </cell>
          <cell r="G3" t="str">
            <v>単位</v>
          </cell>
          <cell r="H3" t="str">
            <v>単　価</v>
          </cell>
          <cell r="I3" t="str">
            <v>摘　　要　　　［上段］</v>
          </cell>
          <cell r="J3" t="str">
            <v>摘　　要　　　［下段］</v>
          </cell>
          <cell r="L3" t="str">
            <v>管材費</v>
          </cell>
        </row>
        <row r="4">
          <cell r="B4">
            <v>1</v>
          </cell>
          <cell r="D4" t="str">
            <v>掘削</v>
          </cell>
          <cell r="E4" t="str">
            <v>岩塊･玉石　ｵｰﾌﾟﾝｶｯﾄ</v>
          </cell>
          <cell r="F4" t="str">
            <v>50,000m3未満</v>
          </cell>
          <cell r="G4" t="str">
            <v>ｍ3</v>
          </cell>
          <cell r="H4">
            <v>260</v>
          </cell>
          <cell r="J4" t="str">
            <v>施工　第0-0001号内訳表</v>
          </cell>
        </row>
        <row r="5">
          <cell r="B5">
            <v>2</v>
          </cell>
          <cell r="D5" t="str">
            <v>埋戻し</v>
          </cell>
          <cell r="F5" t="str">
            <v>最大埋戻幅1m以上4m未満</v>
          </cell>
          <cell r="G5" t="str">
            <v>ｍ3</v>
          </cell>
          <cell r="H5">
            <v>1400</v>
          </cell>
          <cell r="J5" t="str">
            <v>施工　第0-0002号内訳表</v>
          </cell>
        </row>
        <row r="6">
          <cell r="B6">
            <v>3</v>
          </cell>
          <cell r="D6" t="str">
            <v>舗装版破砕</v>
          </cell>
          <cell r="E6" t="str">
            <v>アスファルト舗装版</v>
          </cell>
          <cell r="F6" t="str">
            <v>障害無　舗装厚10cm以下</v>
          </cell>
          <cell r="G6" t="str">
            <v>ｍ2</v>
          </cell>
          <cell r="H6">
            <v>110</v>
          </cell>
          <cell r="J6" t="str">
            <v>施工　第0-0003号内訳表</v>
          </cell>
        </row>
        <row r="7">
          <cell r="B7">
            <v>4</v>
          </cell>
          <cell r="D7" t="str">
            <v>殻運搬</v>
          </cell>
          <cell r="E7" t="str">
            <v>舗装版破砕　11.5km以下</v>
          </cell>
          <cell r="F7" t="str">
            <v>機械積込　舗装版厚15cm以下</v>
          </cell>
          <cell r="G7" t="str">
            <v>ｍ3</v>
          </cell>
          <cell r="H7">
            <v>3000</v>
          </cell>
          <cell r="J7" t="str">
            <v>施工　第0-0004号内訳表</v>
          </cell>
        </row>
        <row r="8">
          <cell r="B8">
            <v>5</v>
          </cell>
          <cell r="D8" t="str">
            <v>殻運搬</v>
          </cell>
          <cell r="E8" t="str">
            <v>Co構造物とりこわし　</v>
          </cell>
          <cell r="F8" t="str">
            <v>4.0km以下 機械積込</v>
          </cell>
          <cell r="G8" t="str">
            <v>ｍ3</v>
          </cell>
          <cell r="H8">
            <v>960</v>
          </cell>
          <cell r="J8" t="str">
            <v>施工　第0-0005号内訳表</v>
          </cell>
        </row>
        <row r="9">
          <cell r="B9">
            <v>6</v>
          </cell>
          <cell r="D9" t="str">
            <v>土砂等運搬</v>
          </cell>
          <cell r="E9" t="str">
            <v xml:space="preserve">BH山積0.8m3(平積0.6m3) </v>
          </cell>
          <cell r="F9" t="str">
            <v>9.5km以下 土砂</v>
          </cell>
          <cell r="G9" t="str">
            <v>ｍ3</v>
          </cell>
          <cell r="H9">
            <v>1300</v>
          </cell>
          <cell r="J9" t="str">
            <v>施工　第0-0006号内訳表</v>
          </cell>
        </row>
        <row r="10">
          <cell r="B10">
            <v>7</v>
          </cell>
          <cell r="D10" t="str">
            <v>表層(車道・路肩部)</v>
          </cell>
          <cell r="E10" t="str">
            <v>45mm≦t＜55mm 幅員1.4m以上　</v>
          </cell>
          <cell r="F10" t="str">
            <v>密粒度As(20)　ﾌﾟﾗｲﾑｺｰﾄPK-3</v>
          </cell>
          <cell r="G10" t="str">
            <v>ｍ2</v>
          </cell>
          <cell r="H10">
            <v>1700</v>
          </cell>
          <cell r="J10" t="str">
            <v>施工　第0-0007号内訳表</v>
          </cell>
        </row>
        <row r="11">
          <cell r="B11">
            <v>8</v>
          </cell>
          <cell r="D11" t="str">
            <v>上層路盤(車道・路肩部)</v>
          </cell>
          <cell r="E11" t="str">
            <v>粒度調整砕石M-25</v>
          </cell>
          <cell r="F11" t="str">
            <v>25mm以上75mm以下</v>
          </cell>
          <cell r="G11" t="str">
            <v>ｍ2</v>
          </cell>
          <cell r="H11">
            <v>410</v>
          </cell>
          <cell r="J11" t="str">
            <v>施工　第0-0008号内訳表</v>
          </cell>
        </row>
        <row r="12">
          <cell r="B12">
            <v>9</v>
          </cell>
          <cell r="D12" t="str">
            <v>下層路盤工(車道・路肩部)</v>
          </cell>
          <cell r="E12" t="str">
            <v>125mm超175mm以下</v>
          </cell>
          <cell r="F12" t="str">
            <v>再生クラッシャランRC-40</v>
          </cell>
          <cell r="G12" t="str">
            <v>ｍ2</v>
          </cell>
          <cell r="H12">
            <v>680</v>
          </cell>
          <cell r="J12" t="str">
            <v>施工　第0-0009号内訳表</v>
          </cell>
        </row>
        <row r="13">
          <cell r="B13">
            <v>10</v>
          </cell>
          <cell r="D13" t="str">
            <v>掘削</v>
          </cell>
          <cell r="E13" t="str">
            <v>土砂　ｵｰﾌﾟﾝｶｯﾄ　押土あり</v>
          </cell>
          <cell r="F13" t="str">
            <v>30,000m3未満</v>
          </cell>
          <cell r="G13" t="str">
            <v>ｍ3</v>
          </cell>
          <cell r="H13">
            <v>260</v>
          </cell>
          <cell r="J13" t="str">
            <v>施工　第0-0010号内訳表</v>
          </cell>
        </row>
        <row r="14">
          <cell r="B14">
            <v>11</v>
          </cell>
          <cell r="D14" t="str">
            <v>積込</v>
          </cell>
          <cell r="E14" t="str">
            <v>ルーズ　土砂</v>
          </cell>
          <cell r="F14" t="str">
            <v>土量50,000m3未満</v>
          </cell>
          <cell r="G14" t="str">
            <v>ｍ3</v>
          </cell>
          <cell r="H14">
            <v>190</v>
          </cell>
          <cell r="J14" t="str">
            <v>施工　第0-0011号内訳表</v>
          </cell>
        </row>
        <row r="15">
          <cell r="B15">
            <v>12</v>
          </cell>
          <cell r="D15" t="str">
            <v>整地</v>
          </cell>
          <cell r="E15" t="str">
            <v>敷均し(ルーズ)</v>
          </cell>
          <cell r="F15" t="str">
            <v>標準</v>
          </cell>
          <cell r="G15" t="str">
            <v>ｍ3</v>
          </cell>
          <cell r="H15">
            <v>110</v>
          </cell>
          <cell r="J15" t="str">
            <v>施工　第0-0012号内訳表</v>
          </cell>
        </row>
        <row r="16">
          <cell r="B16">
            <v>13</v>
          </cell>
          <cell r="D16" t="str">
            <v>型枠</v>
          </cell>
          <cell r="E16" t="str">
            <v>一般型枠</v>
          </cell>
          <cell r="F16" t="str">
            <v>鉄筋・無筋構造物</v>
          </cell>
          <cell r="G16" t="str">
            <v>ｍ2</v>
          </cell>
          <cell r="H16">
            <v>6300</v>
          </cell>
          <cell r="J16" t="str">
            <v>施工　第0-0013号内訳表</v>
          </cell>
        </row>
        <row r="17">
          <cell r="B17">
            <v>14</v>
          </cell>
          <cell r="D17" t="str">
            <v>型枠</v>
          </cell>
          <cell r="E17" t="str">
            <v>一般型枠</v>
          </cell>
          <cell r="F17" t="str">
            <v>均しコンクリート</v>
          </cell>
          <cell r="G17" t="str">
            <v>ｍ2</v>
          </cell>
          <cell r="H17">
            <v>3200</v>
          </cell>
          <cell r="J17" t="str">
            <v>施工　第0-0014号内訳表</v>
          </cell>
        </row>
        <row r="18">
          <cell r="B18">
            <v>15</v>
          </cell>
          <cell r="D18" t="str">
            <v>基礎砕石</v>
          </cell>
          <cell r="E18" t="str">
            <v>7.5cm超12.5cm以下</v>
          </cell>
          <cell r="F18" t="str">
            <v>RC-40</v>
          </cell>
          <cell r="G18" t="str">
            <v>ｍ2</v>
          </cell>
          <cell r="H18">
            <v>970</v>
          </cell>
          <cell r="J18" t="str">
            <v>施工　第0-0015号内訳表</v>
          </cell>
        </row>
        <row r="19">
          <cell r="B19">
            <v>16</v>
          </cell>
          <cell r="D19" t="str">
            <v>基礎砕石</v>
          </cell>
          <cell r="E19" t="str">
            <v>12.5cm超17.5cm以下</v>
          </cell>
          <cell r="F19" t="str">
            <v>RC-40</v>
          </cell>
          <cell r="G19" t="str">
            <v>ｍ2</v>
          </cell>
          <cell r="H19">
            <v>1100</v>
          </cell>
          <cell r="J19" t="str">
            <v>施工　第0-0016号内訳表</v>
          </cell>
        </row>
        <row r="20">
          <cell r="B20">
            <v>17</v>
          </cell>
          <cell r="D20" t="str">
            <v>基礎砕石</v>
          </cell>
          <cell r="E20" t="str">
            <v>17.5cm超20.0cm以下</v>
          </cell>
          <cell r="F20" t="str">
            <v>RC-40</v>
          </cell>
          <cell r="G20" t="str">
            <v>ｍ2</v>
          </cell>
          <cell r="H20">
            <v>1300</v>
          </cell>
          <cell r="J20" t="str">
            <v>施工　第0-0017号内訳表</v>
          </cell>
        </row>
        <row r="21">
          <cell r="B21">
            <v>18</v>
          </cell>
          <cell r="D21" t="str">
            <v>コンクリート</v>
          </cell>
          <cell r="E21" t="str">
            <v>10m3/日以上・打設高2m超</v>
          </cell>
          <cell r="F21" t="str">
            <v>無筋・鉄筋構造物 24-8-25</v>
          </cell>
          <cell r="G21" t="str">
            <v>ｍ3</v>
          </cell>
          <cell r="H21">
            <v>18000</v>
          </cell>
          <cell r="J21" t="str">
            <v>施工　第0-0018号内訳表</v>
          </cell>
        </row>
        <row r="22">
          <cell r="B22">
            <v>19</v>
          </cell>
          <cell r="D22" t="str">
            <v>現場発生品運搬</v>
          </cell>
          <cell r="E22" t="str">
            <v>ｸﾚｰﾝ装置付4t積2.9t吊</v>
          </cell>
          <cell r="F22" t="str">
            <v>荷台長L=3.4m荷台幅W=2.0m</v>
          </cell>
          <cell r="G22" t="str">
            <v>回</v>
          </cell>
          <cell r="H22">
            <v>10000</v>
          </cell>
          <cell r="J22" t="str">
            <v>施工　第0-0019号内訳表</v>
          </cell>
        </row>
        <row r="23">
          <cell r="B23">
            <v>20</v>
          </cell>
          <cell r="D23" t="str">
            <v>コンクリート</v>
          </cell>
          <cell r="E23" t="str">
            <v>10m3/日未満・打設高2m以下</v>
          </cell>
          <cell r="F23" t="str">
            <v>無筋・鉄筋構造物 24-8-25</v>
          </cell>
          <cell r="G23" t="str">
            <v>ｍ3</v>
          </cell>
          <cell r="H23">
            <v>20000</v>
          </cell>
          <cell r="J23" t="str">
            <v>施工　第0-0020号内訳表</v>
          </cell>
        </row>
        <row r="24">
          <cell r="B24">
            <v>21</v>
          </cell>
          <cell r="D24" t="str">
            <v>コンクリート</v>
          </cell>
          <cell r="E24" t="str">
            <v>10m3/日未満・打設高2m以下</v>
          </cell>
          <cell r="F24" t="str">
            <v>無筋・鉄筋構造物 18-8-40</v>
          </cell>
          <cell r="G24" t="str">
            <v>ｍ3</v>
          </cell>
          <cell r="H24">
            <v>19000</v>
          </cell>
          <cell r="J24" t="str">
            <v>施工　第0-0021号内訳表</v>
          </cell>
        </row>
        <row r="25">
          <cell r="B25">
            <v>22</v>
          </cell>
          <cell r="D25" t="str">
            <v>コンクリート</v>
          </cell>
          <cell r="E25" t="str">
            <v>打設地上高2m以下</v>
          </cell>
          <cell r="F25" t="str">
            <v>小型構造物 18-8-40</v>
          </cell>
          <cell r="G25" t="str">
            <v>ｍ3</v>
          </cell>
          <cell r="H25">
            <v>24000</v>
          </cell>
          <cell r="J25" t="str">
            <v>施工　第0-0022号内訳表</v>
          </cell>
        </row>
        <row r="26">
          <cell r="B26">
            <v>23</v>
          </cell>
          <cell r="D26" t="str">
            <v>胴込・裏込材(砕石)</v>
          </cell>
          <cell r="E26" t="str">
            <v>間知・平ブロック</v>
          </cell>
          <cell r="F26" t="str">
            <v>再生砕石RC-40</v>
          </cell>
          <cell r="G26" t="str">
            <v>ｍ3</v>
          </cell>
          <cell r="H26">
            <v>5500</v>
          </cell>
          <cell r="J26" t="str">
            <v>施工　第0-0023号内訳表</v>
          </cell>
        </row>
        <row r="27">
          <cell r="B27">
            <v>24</v>
          </cell>
          <cell r="D27" t="str">
            <v>暗渠排水管</v>
          </cell>
          <cell r="E27" t="str">
            <v>据付　直管</v>
          </cell>
          <cell r="F27" t="str">
            <v>呼び径50～150mm</v>
          </cell>
          <cell r="G27" t="str">
            <v>ｍ</v>
          </cell>
          <cell r="H27">
            <v>640</v>
          </cell>
          <cell r="J27" t="str">
            <v>施工　第0-0024号内訳表</v>
          </cell>
        </row>
        <row r="28">
          <cell r="B28">
            <v>25</v>
          </cell>
          <cell r="D28" t="str">
            <v>暗渠排水管</v>
          </cell>
          <cell r="E28" t="str">
            <v>据付　波状管及び網状管</v>
          </cell>
          <cell r="F28" t="str">
            <v>呼び径450～600mm　継手要</v>
          </cell>
          <cell r="G28" t="str">
            <v>ｍ</v>
          </cell>
          <cell r="H28">
            <v>8200</v>
          </cell>
          <cell r="J28" t="str">
            <v>施工　第0-0025号内訳表</v>
          </cell>
        </row>
        <row r="29">
          <cell r="B29">
            <v>26</v>
          </cell>
          <cell r="D29" t="str">
            <v>暗渠排水管</v>
          </cell>
          <cell r="E29" t="str">
            <v>据付・撤去 　波状管及び網状管</v>
          </cell>
          <cell r="F29" t="str">
            <v>呼び径450～600mm　継手不要</v>
          </cell>
          <cell r="G29" t="str">
            <v>ｍ</v>
          </cell>
          <cell r="H29">
            <v>7500</v>
          </cell>
          <cell r="J29" t="str">
            <v>施工　第0-0026号内訳表</v>
          </cell>
        </row>
        <row r="30">
          <cell r="B30">
            <v>27</v>
          </cell>
          <cell r="D30" t="str">
            <v>プレキャスト集水桝</v>
          </cell>
          <cell r="E30" t="str">
            <v>据付</v>
          </cell>
          <cell r="F30" t="str">
            <v>50kg以上80kg以下　基礎砕石有</v>
          </cell>
          <cell r="G30" t="str">
            <v>基</v>
          </cell>
          <cell r="H30">
            <v>1200</v>
          </cell>
          <cell r="J30" t="str">
            <v>施工　第0-0027号内訳表</v>
          </cell>
        </row>
        <row r="31">
          <cell r="B31">
            <v>28</v>
          </cell>
          <cell r="D31" t="str">
            <v>現場打基礎コンクリート</v>
          </cell>
          <cell r="E31" t="str">
            <v>18-8-40</v>
          </cell>
          <cell r="F31" t="str">
            <v>一般養生</v>
          </cell>
          <cell r="G31" t="str">
            <v>ｍ3</v>
          </cell>
          <cell r="H31">
            <v>48000</v>
          </cell>
          <cell r="J31" t="str">
            <v>施工　第0-0028号内訳表</v>
          </cell>
        </row>
        <row r="32">
          <cell r="B32">
            <v>29</v>
          </cell>
          <cell r="D32" t="str">
            <v>天端コンクリート</v>
          </cell>
          <cell r="E32" t="str">
            <v>18-8-40　打設高2m以下</v>
          </cell>
          <cell r="F32" t="str">
            <v>一般養生</v>
          </cell>
          <cell r="G32" t="str">
            <v>ｍ3</v>
          </cell>
          <cell r="H32">
            <v>37000</v>
          </cell>
          <cell r="J32" t="str">
            <v>施工　第0-0029号内訳表</v>
          </cell>
        </row>
        <row r="33">
          <cell r="B33">
            <v>30</v>
          </cell>
          <cell r="D33" t="str">
            <v>函渠型側溝</v>
          </cell>
          <cell r="E33" t="str">
            <v>据付　200mm以上400mm以下</v>
          </cell>
          <cell r="F33" t="str">
            <v>基礎砕石有</v>
          </cell>
          <cell r="G33" t="str">
            <v>ｍ</v>
          </cell>
          <cell r="H33">
            <v>20000</v>
          </cell>
          <cell r="J33" t="str">
            <v>施工　第0-0030号内訳表</v>
          </cell>
        </row>
        <row r="34">
          <cell r="B34">
            <v>31</v>
          </cell>
          <cell r="D34" t="str">
            <v>コンクリート</v>
          </cell>
          <cell r="E34" t="str">
            <v>10m3/日以上・打設高2m超</v>
          </cell>
          <cell r="F34" t="str">
            <v>無筋・鉄筋構造物 24-12-25</v>
          </cell>
          <cell r="G34" t="str">
            <v>ｍ3</v>
          </cell>
          <cell r="H34">
            <v>18000</v>
          </cell>
          <cell r="J34" t="str">
            <v>施工　第0-0031号内訳表</v>
          </cell>
        </row>
        <row r="35">
          <cell r="B35">
            <v>32</v>
          </cell>
          <cell r="D35" t="str">
            <v>コンクリート</v>
          </cell>
          <cell r="E35" t="str">
            <v>10m3/日未満・打設高2m以下</v>
          </cell>
          <cell r="F35" t="str">
            <v>無筋・鉄筋構造物 24-12-25</v>
          </cell>
          <cell r="G35" t="str">
            <v>ｍ3</v>
          </cell>
          <cell r="H35">
            <v>20000</v>
          </cell>
          <cell r="J35" t="str">
            <v>施工　第0-0032号内訳表</v>
          </cell>
        </row>
        <row r="36">
          <cell r="B36">
            <v>33</v>
          </cell>
          <cell r="D36" t="str">
            <v>コンクリート</v>
          </cell>
          <cell r="E36" t="str">
            <v>10m3/日未満・打設高2m以下</v>
          </cell>
          <cell r="F36" t="str">
            <v>無筋・鉄筋構造物 18-12-40</v>
          </cell>
          <cell r="G36" t="str">
            <v>ｍ3</v>
          </cell>
          <cell r="H36">
            <v>19000</v>
          </cell>
          <cell r="J36" t="str">
            <v>施工　第0-0033号内訳表</v>
          </cell>
        </row>
        <row r="37">
          <cell r="B37">
            <v>34</v>
          </cell>
          <cell r="D37" t="str">
            <v>コンクリート</v>
          </cell>
          <cell r="E37" t="str">
            <v>打設高2m以下</v>
          </cell>
          <cell r="F37" t="str">
            <v>小型構造物 18-12-40</v>
          </cell>
          <cell r="G37" t="str">
            <v>ｍ3</v>
          </cell>
          <cell r="H37">
            <v>24000</v>
          </cell>
          <cell r="J37" t="str">
            <v>施工　第0-0034号内訳表</v>
          </cell>
        </row>
        <row r="38">
          <cell r="B38">
            <v>35</v>
          </cell>
          <cell r="D38" t="str">
            <v>コンクリート</v>
          </cell>
          <cell r="E38" t="str">
            <v>10m3/日未満・打設高2m以下</v>
          </cell>
          <cell r="F38" t="str">
            <v>無筋・鉄筋構造物 30-8-25</v>
          </cell>
          <cell r="G38" t="str">
            <v>ｍ3</v>
          </cell>
          <cell r="H38">
            <v>21000</v>
          </cell>
          <cell r="J38" t="str">
            <v>施工　第0-0035号内訳表</v>
          </cell>
        </row>
        <row r="39">
          <cell r="B39">
            <v>36</v>
          </cell>
          <cell r="D39" t="str">
            <v>型枠</v>
          </cell>
          <cell r="E39" t="str">
            <v>一般型枠</v>
          </cell>
          <cell r="F39" t="str">
            <v>小型構造物</v>
          </cell>
          <cell r="G39" t="str">
            <v>ｍ2</v>
          </cell>
          <cell r="H39">
            <v>5700</v>
          </cell>
          <cell r="J39" t="str">
            <v>施工　第0-0036号内訳表</v>
          </cell>
        </row>
        <row r="40">
          <cell r="B40">
            <v>37</v>
          </cell>
          <cell r="D40" t="str">
            <v>埋戻</v>
          </cell>
          <cell r="F40" t="str">
            <v>小規模</v>
          </cell>
          <cell r="G40" t="str">
            <v>ｍ3</v>
          </cell>
          <cell r="H40">
            <v>2700</v>
          </cell>
          <cell r="J40" t="str">
            <v>施工　第0-0037号内訳表</v>
          </cell>
        </row>
        <row r="41">
          <cell r="B41">
            <v>38</v>
          </cell>
          <cell r="D41" t="str">
            <v>暗渠排水管</v>
          </cell>
          <cell r="E41" t="str">
            <v>据付　直管</v>
          </cell>
          <cell r="F41" t="str">
            <v>呼び径200～400mm</v>
          </cell>
          <cell r="G41" t="str">
            <v>ｍ</v>
          </cell>
          <cell r="H41">
            <v>5200</v>
          </cell>
          <cell r="J41" t="str">
            <v>施工　第0-0038号内訳表</v>
          </cell>
        </row>
        <row r="42">
          <cell r="B42">
            <v>39</v>
          </cell>
          <cell r="D42" t="str">
            <v>暗渠排水管</v>
          </cell>
          <cell r="E42" t="str">
            <v>据付　直管</v>
          </cell>
          <cell r="F42" t="str">
            <v>呼び径450mm</v>
          </cell>
          <cell r="G42" t="str">
            <v>ｍ</v>
          </cell>
          <cell r="H42">
            <v>8400</v>
          </cell>
          <cell r="J42" t="str">
            <v>施工　第0-0039号内訳表</v>
          </cell>
        </row>
        <row r="43">
          <cell r="B43">
            <v>40</v>
          </cell>
          <cell r="D43" t="str">
            <v>埋戻し</v>
          </cell>
          <cell r="E43" t="str">
            <v>最小埋戻幅4m以上</v>
          </cell>
          <cell r="G43" t="str">
            <v>ｍ3</v>
          </cell>
          <cell r="H43">
            <v>410</v>
          </cell>
          <cell r="J43" t="str">
            <v>施工　第0-0040号内訳表</v>
          </cell>
        </row>
        <row r="44">
          <cell r="B44">
            <v>41</v>
          </cell>
          <cell r="D44" t="str">
            <v>舗装版切断</v>
          </cell>
          <cell r="E44" t="str">
            <v>アスファルト舗装版</v>
          </cell>
          <cell r="F44" t="str">
            <v>15cm以下</v>
          </cell>
          <cell r="G44" t="str">
            <v>ｍ</v>
          </cell>
          <cell r="H44">
            <v>480</v>
          </cell>
          <cell r="J44" t="str">
            <v>施工　第0-0041号内訳表</v>
          </cell>
        </row>
        <row r="45">
          <cell r="B45">
            <v>42</v>
          </cell>
          <cell r="D45" t="str">
            <v>不陸整正</v>
          </cell>
          <cell r="E45" t="str">
            <v>補足材料厚　49mm以上55mm未満</v>
          </cell>
          <cell r="G45" t="str">
            <v>ｍ2</v>
          </cell>
          <cell r="H45">
            <v>180</v>
          </cell>
          <cell r="J45" t="str">
            <v>施工　第0-0042号内訳表</v>
          </cell>
        </row>
        <row r="46">
          <cell r="B46">
            <v>43</v>
          </cell>
          <cell r="D46" t="str">
            <v>地先境界ブロック撤去</v>
          </cell>
          <cell r="E46" t="str">
            <v>処分</v>
          </cell>
          <cell r="G46" t="str">
            <v>ｍ</v>
          </cell>
          <cell r="H46">
            <v>600</v>
          </cell>
          <cell r="J46" t="str">
            <v>施工　第0-0043号内訳表</v>
          </cell>
        </row>
        <row r="47">
          <cell r="B47">
            <v>44</v>
          </cell>
          <cell r="D47" t="str">
            <v>金網(フェンス)設置</v>
          </cell>
          <cell r="G47" t="str">
            <v>ｍ</v>
          </cell>
          <cell r="H47">
            <v>10000</v>
          </cell>
          <cell r="J47" t="str">
            <v>施工　第0-0044号内訳表</v>
          </cell>
        </row>
        <row r="48">
          <cell r="B48">
            <v>45</v>
          </cell>
          <cell r="D48" t="str">
            <v>基礎ブロック設置</v>
          </cell>
          <cell r="G48" t="str">
            <v>個</v>
          </cell>
          <cell r="H48">
            <v>4200</v>
          </cell>
          <cell r="J48" t="str">
            <v>施工　第0-0045号内訳表</v>
          </cell>
        </row>
        <row r="49">
          <cell r="B49">
            <v>46</v>
          </cell>
          <cell r="D49" t="str">
            <v>金網(フェンス)撤去</v>
          </cell>
          <cell r="G49" t="str">
            <v>ｍ</v>
          </cell>
          <cell r="H49">
            <v>1300</v>
          </cell>
          <cell r="J49" t="str">
            <v>施工　第0-0046号内訳表</v>
          </cell>
        </row>
        <row r="50">
          <cell r="B50">
            <v>47</v>
          </cell>
          <cell r="D50" t="str">
            <v>基礎ブロック撤去</v>
          </cell>
          <cell r="G50" t="str">
            <v>個</v>
          </cell>
          <cell r="H50">
            <v>1200</v>
          </cell>
          <cell r="J50" t="str">
            <v>施工　第0-0047号内訳表</v>
          </cell>
        </row>
        <row r="51">
          <cell r="B51">
            <v>48</v>
          </cell>
          <cell r="D51" t="str">
            <v>プレキャストL型側溝据付</v>
          </cell>
          <cell r="E51" t="str">
            <v>基礎砕石含む</v>
          </cell>
          <cell r="G51" t="str">
            <v>ｍ</v>
          </cell>
          <cell r="H51">
            <v>6700</v>
          </cell>
          <cell r="J51" t="str">
            <v>施工　第0-0048号内訳表</v>
          </cell>
        </row>
        <row r="52">
          <cell r="B52">
            <v>49</v>
          </cell>
          <cell r="H52">
            <v>0</v>
          </cell>
          <cell r="J52" t="str">
            <v>施工　第0-0049号内訳表</v>
          </cell>
        </row>
        <row r="53">
          <cell r="B53">
            <v>50</v>
          </cell>
          <cell r="H53">
            <v>0</v>
          </cell>
          <cell r="J53" t="str">
            <v>施工　第0-0050号内訳表</v>
          </cell>
        </row>
        <row r="54">
          <cell r="B54">
            <v>51</v>
          </cell>
          <cell r="H54">
            <v>0</v>
          </cell>
          <cell r="J54" t="str">
            <v>施工　第0-0051号内訳表</v>
          </cell>
        </row>
        <row r="55">
          <cell r="B55">
            <v>52</v>
          </cell>
          <cell r="H55">
            <v>0</v>
          </cell>
          <cell r="J55" t="str">
            <v>施工　第0-0052号内訳表</v>
          </cell>
        </row>
        <row r="56">
          <cell r="B56">
            <v>53</v>
          </cell>
          <cell r="H56">
            <v>0</v>
          </cell>
          <cell r="J56" t="str">
            <v>施工　第0-0053号内訳表</v>
          </cell>
        </row>
        <row r="57">
          <cell r="B57">
            <v>54</v>
          </cell>
          <cell r="H57">
            <v>0</v>
          </cell>
          <cell r="J57" t="str">
            <v>施工　第0-0054号内訳表</v>
          </cell>
        </row>
        <row r="58">
          <cell r="B58">
            <v>55</v>
          </cell>
          <cell r="H58">
            <v>0</v>
          </cell>
          <cell r="J58" t="str">
            <v>施工　第0-0055号内訳表</v>
          </cell>
        </row>
        <row r="59">
          <cell r="B59">
            <v>56</v>
          </cell>
          <cell r="H59">
            <v>0</v>
          </cell>
          <cell r="J59" t="str">
            <v>施工　第0-0056号内訳表</v>
          </cell>
        </row>
        <row r="60">
          <cell r="B60">
            <v>57</v>
          </cell>
          <cell r="H60">
            <v>0</v>
          </cell>
          <cell r="J60" t="str">
            <v>施工　第0-0057号内訳表</v>
          </cell>
        </row>
        <row r="61">
          <cell r="B61">
            <v>58</v>
          </cell>
          <cell r="H61">
            <v>0</v>
          </cell>
          <cell r="J61" t="str">
            <v>施工　第0-0058号内訳表</v>
          </cell>
        </row>
        <row r="62">
          <cell r="B62">
            <v>59</v>
          </cell>
          <cell r="H62">
            <v>0</v>
          </cell>
          <cell r="J62" t="str">
            <v>施工　第0-0059号内訳表</v>
          </cell>
        </row>
        <row r="63">
          <cell r="B63">
            <v>60</v>
          </cell>
          <cell r="H63">
            <v>0</v>
          </cell>
          <cell r="J63" t="str">
            <v>施工　第0-0060号内訳表</v>
          </cell>
        </row>
        <row r="64">
          <cell r="B64">
            <v>61</v>
          </cell>
          <cell r="H64">
            <v>0</v>
          </cell>
          <cell r="J64" t="str">
            <v>施工　第0-0061号内訳表</v>
          </cell>
        </row>
        <row r="65">
          <cell r="B65">
            <v>62</v>
          </cell>
          <cell r="H65">
            <v>0</v>
          </cell>
          <cell r="J65" t="str">
            <v>施工　第0-0062号内訳表</v>
          </cell>
        </row>
        <row r="66">
          <cell r="B66">
            <v>63</v>
          </cell>
          <cell r="H66">
            <v>0</v>
          </cell>
          <cell r="J66" t="str">
            <v>施工　第0-0063号内訳表</v>
          </cell>
        </row>
        <row r="67">
          <cell r="B67">
            <v>64</v>
          </cell>
          <cell r="H67">
            <v>0</v>
          </cell>
          <cell r="J67" t="str">
            <v>施工　第0-0064号内訳表</v>
          </cell>
        </row>
        <row r="68">
          <cell r="B68">
            <v>65</v>
          </cell>
          <cell r="H68">
            <v>0</v>
          </cell>
          <cell r="J68" t="str">
            <v>施工　第0-0065号内訳表</v>
          </cell>
        </row>
        <row r="69">
          <cell r="B69">
            <v>66</v>
          </cell>
          <cell r="H69">
            <v>0</v>
          </cell>
          <cell r="J69" t="str">
            <v>施工　第0-0066号内訳表</v>
          </cell>
        </row>
        <row r="70">
          <cell r="B70">
            <v>67</v>
          </cell>
          <cell r="H70">
            <v>0</v>
          </cell>
          <cell r="J70" t="str">
            <v>施工　第0-0067号内訳表</v>
          </cell>
        </row>
        <row r="71">
          <cell r="B71">
            <v>68</v>
          </cell>
          <cell r="H71">
            <v>0</v>
          </cell>
          <cell r="J71" t="str">
            <v>施工　第0-0068号内訳表</v>
          </cell>
        </row>
        <row r="72">
          <cell r="B72">
            <v>69</v>
          </cell>
          <cell r="H72">
            <v>0</v>
          </cell>
          <cell r="J72" t="str">
            <v>施工　第0-0069号内訳表</v>
          </cell>
        </row>
        <row r="73">
          <cell r="B73">
            <v>70</v>
          </cell>
          <cell r="H73">
            <v>0</v>
          </cell>
          <cell r="J73" t="str">
            <v>施工　第0-0070号内訳表</v>
          </cell>
        </row>
        <row r="74">
          <cell r="B74">
            <v>71</v>
          </cell>
          <cell r="H74">
            <v>0</v>
          </cell>
          <cell r="J74" t="str">
            <v>施工　第0-0071号内訳表</v>
          </cell>
        </row>
        <row r="75">
          <cell r="B75">
            <v>72</v>
          </cell>
          <cell r="H75">
            <v>0</v>
          </cell>
          <cell r="J75" t="str">
            <v>施工　第0-0072号内訳表</v>
          </cell>
        </row>
        <row r="76">
          <cell r="B76">
            <v>73</v>
          </cell>
          <cell r="H76">
            <v>0</v>
          </cell>
          <cell r="J76" t="str">
            <v>施工　第0-0073号内訳表</v>
          </cell>
        </row>
        <row r="77">
          <cell r="B77">
            <v>74</v>
          </cell>
          <cell r="H77">
            <v>0</v>
          </cell>
          <cell r="J77" t="str">
            <v>施工　第0-0074号内訳表</v>
          </cell>
        </row>
        <row r="78">
          <cell r="B78">
            <v>75</v>
          </cell>
          <cell r="H78">
            <v>0</v>
          </cell>
          <cell r="J78" t="str">
            <v>施工　第0-0075号内訳表</v>
          </cell>
        </row>
        <row r="79">
          <cell r="B79">
            <v>76</v>
          </cell>
          <cell r="H79">
            <v>0</v>
          </cell>
          <cell r="J79" t="str">
            <v>施工　第0-0076号内訳表</v>
          </cell>
        </row>
        <row r="80">
          <cell r="B80">
            <v>77</v>
          </cell>
          <cell r="H80">
            <v>0</v>
          </cell>
          <cell r="J80" t="str">
            <v>施工　第0-0077号内訳表</v>
          </cell>
        </row>
        <row r="81">
          <cell r="B81">
            <v>78</v>
          </cell>
          <cell r="H81">
            <v>0</v>
          </cell>
          <cell r="J81" t="str">
            <v>施工　第0-0078号内訳表</v>
          </cell>
        </row>
        <row r="82">
          <cell r="B82">
            <v>79</v>
          </cell>
          <cell r="H82">
            <v>0</v>
          </cell>
          <cell r="J82" t="str">
            <v>施工　第0-0079号内訳表</v>
          </cell>
        </row>
        <row r="83">
          <cell r="B83">
            <v>80</v>
          </cell>
          <cell r="H83">
            <v>0</v>
          </cell>
          <cell r="J83" t="str">
            <v>施工　第0-0080号内訳表</v>
          </cell>
        </row>
        <row r="84">
          <cell r="B84">
            <v>81</v>
          </cell>
          <cell r="H84">
            <v>0</v>
          </cell>
          <cell r="J84" t="str">
            <v>施工　第0-0081号内訳表</v>
          </cell>
        </row>
        <row r="85">
          <cell r="B85">
            <v>82</v>
          </cell>
          <cell r="H85">
            <v>0</v>
          </cell>
          <cell r="J85" t="str">
            <v>施工　第0-0082号内訳表</v>
          </cell>
        </row>
        <row r="86">
          <cell r="B86">
            <v>83</v>
          </cell>
          <cell r="H86">
            <v>0</v>
          </cell>
          <cell r="J86" t="str">
            <v>施工　第0-0083号内訳表</v>
          </cell>
        </row>
        <row r="87">
          <cell r="B87">
            <v>84</v>
          </cell>
          <cell r="H87">
            <v>0</v>
          </cell>
          <cell r="J87" t="str">
            <v>施工　第0-0084号内訳表</v>
          </cell>
        </row>
        <row r="88">
          <cell r="B88">
            <v>85</v>
          </cell>
          <cell r="H88">
            <v>0</v>
          </cell>
          <cell r="J88" t="str">
            <v>施工　第0-0085号内訳表</v>
          </cell>
        </row>
        <row r="89">
          <cell r="B89">
            <v>86</v>
          </cell>
          <cell r="H89">
            <v>0</v>
          </cell>
          <cell r="J89" t="str">
            <v>施工　第0-0086号内訳表</v>
          </cell>
        </row>
        <row r="90">
          <cell r="B90">
            <v>87</v>
          </cell>
          <cell r="H90">
            <v>0</v>
          </cell>
          <cell r="J90" t="str">
            <v>施工　第0-0087号内訳表</v>
          </cell>
        </row>
        <row r="91">
          <cell r="B91">
            <v>88</v>
          </cell>
          <cell r="H91">
            <v>0</v>
          </cell>
          <cell r="J91" t="str">
            <v>施工　第0-0088号内訳表</v>
          </cell>
        </row>
        <row r="92">
          <cell r="B92">
            <v>89</v>
          </cell>
          <cell r="H92">
            <v>0</v>
          </cell>
          <cell r="J92" t="str">
            <v>施工　第0-0089号内訳表</v>
          </cell>
        </row>
        <row r="93">
          <cell r="B93">
            <v>90</v>
          </cell>
          <cell r="H93">
            <v>0</v>
          </cell>
          <cell r="J93" t="str">
            <v>施工　第0-0090号内訳表</v>
          </cell>
        </row>
        <row r="94">
          <cell r="B94">
            <v>91</v>
          </cell>
          <cell r="H94">
            <v>0</v>
          </cell>
          <cell r="J94" t="str">
            <v>施工　第0-0091号内訳表</v>
          </cell>
        </row>
        <row r="95">
          <cell r="B95">
            <v>92</v>
          </cell>
          <cell r="H95">
            <v>0</v>
          </cell>
          <cell r="J95" t="str">
            <v>施工　第0-0092号内訳表</v>
          </cell>
        </row>
        <row r="96">
          <cell r="B96">
            <v>93</v>
          </cell>
          <cell r="H96">
            <v>0</v>
          </cell>
          <cell r="J96" t="str">
            <v>施工　第0-0093号内訳表</v>
          </cell>
        </row>
        <row r="97">
          <cell r="B97">
            <v>94</v>
          </cell>
          <cell r="H97">
            <v>0</v>
          </cell>
          <cell r="J97" t="str">
            <v>施工　第0-0094号内訳表</v>
          </cell>
        </row>
        <row r="98">
          <cell r="B98">
            <v>95</v>
          </cell>
          <cell r="H98">
            <v>0</v>
          </cell>
          <cell r="J98" t="str">
            <v>施工　第0-0095号内訳表</v>
          </cell>
        </row>
        <row r="99">
          <cell r="B99">
            <v>96</v>
          </cell>
          <cell r="H99">
            <v>0</v>
          </cell>
          <cell r="J99" t="str">
            <v>施工　第0-0096号内訳表</v>
          </cell>
        </row>
        <row r="100">
          <cell r="B100">
            <v>97</v>
          </cell>
          <cell r="H100">
            <v>0</v>
          </cell>
          <cell r="J100" t="str">
            <v>施工　第0-0097号内訳表</v>
          </cell>
        </row>
        <row r="101">
          <cell r="B101">
            <v>98</v>
          </cell>
          <cell r="H101">
            <v>0</v>
          </cell>
          <cell r="J101" t="str">
            <v>施工　第0-0098号内訳表</v>
          </cell>
        </row>
        <row r="102">
          <cell r="B102">
            <v>99</v>
          </cell>
          <cell r="H102">
            <v>0</v>
          </cell>
          <cell r="J102" t="str">
            <v>施工　第0-0099号内訳表</v>
          </cell>
        </row>
        <row r="103">
          <cell r="B103">
            <v>100</v>
          </cell>
          <cell r="H103">
            <v>0</v>
          </cell>
          <cell r="J103" t="str">
            <v>施工　第0-0100号内訳表</v>
          </cell>
        </row>
        <row r="104">
          <cell r="B104">
            <v>101</v>
          </cell>
          <cell r="D104" t="str">
            <v>鋼矢板圧入工</v>
          </cell>
          <cell r="E104" t="str">
            <v>50&lt;Nmax≦180</v>
          </cell>
          <cell r="F104" t="str">
            <v>Ⅳ型　L=10.0m</v>
          </cell>
          <cell r="G104" t="str">
            <v>枚</v>
          </cell>
          <cell r="H104">
            <v>83000</v>
          </cell>
          <cell r="J104" t="str">
            <v>施工　第0-0101号内訳表</v>
          </cell>
        </row>
        <row r="105">
          <cell r="B105">
            <v>102</v>
          </cell>
          <cell r="D105" t="str">
            <v>鋼矢板引抜き工</v>
          </cell>
          <cell r="F105" t="str">
            <v>Ⅳ型　L=10.0m</v>
          </cell>
          <cell r="G105" t="str">
            <v>枚</v>
          </cell>
          <cell r="H105">
            <v>6700</v>
          </cell>
          <cell r="J105" t="str">
            <v>施工　第0-0102号内訳表</v>
          </cell>
        </row>
        <row r="106">
          <cell r="B106">
            <v>103</v>
          </cell>
          <cell r="D106" t="str">
            <v>機械据付解体</v>
          </cell>
          <cell r="E106" t="str">
            <v>圧入時</v>
          </cell>
          <cell r="F106" t="str">
            <v>50&lt;Nmax≦180</v>
          </cell>
          <cell r="G106" t="str">
            <v>回</v>
          </cell>
          <cell r="H106">
            <v>350000</v>
          </cell>
          <cell r="J106" t="str">
            <v>施工　第0-0103号内訳表</v>
          </cell>
        </row>
        <row r="107">
          <cell r="B107">
            <v>104</v>
          </cell>
          <cell r="D107" t="str">
            <v>機械据付解体</v>
          </cell>
          <cell r="E107" t="str">
            <v>引抜時</v>
          </cell>
          <cell r="G107" t="str">
            <v>回</v>
          </cell>
          <cell r="H107">
            <v>42000</v>
          </cell>
          <cell r="J107" t="str">
            <v>施工　第0-0104号内訳表</v>
          </cell>
        </row>
        <row r="108">
          <cell r="B108">
            <v>105</v>
          </cell>
          <cell r="D108" t="str">
            <v>集水桝工</v>
          </cell>
          <cell r="G108" t="str">
            <v>箇所</v>
          </cell>
          <cell r="H108">
            <v>40000</v>
          </cell>
          <cell r="J108" t="str">
            <v>施工　第0-0105号内訳表</v>
          </cell>
        </row>
        <row r="109">
          <cell r="B109">
            <v>106</v>
          </cell>
          <cell r="D109" t="str">
            <v>鋼矢板圧入工</v>
          </cell>
          <cell r="E109" t="str">
            <v>50&lt;Nmax≦180</v>
          </cell>
          <cell r="F109" t="str">
            <v>Ⅳ型　L=14.0m</v>
          </cell>
          <cell r="G109" t="str">
            <v>枚</v>
          </cell>
          <cell r="H109">
            <v>104000</v>
          </cell>
          <cell r="J109" t="str">
            <v>施工　第0-0106号内訳表</v>
          </cell>
        </row>
        <row r="110">
          <cell r="B110">
            <v>107</v>
          </cell>
          <cell r="D110" t="str">
            <v>鋼矢板引抜き工</v>
          </cell>
          <cell r="F110" t="str">
            <v>Ⅳ型　L=14.0m</v>
          </cell>
          <cell r="G110" t="str">
            <v>枚</v>
          </cell>
          <cell r="H110">
            <v>7800</v>
          </cell>
          <cell r="J110" t="str">
            <v>施工　第0-0107号内訳表</v>
          </cell>
        </row>
        <row r="111">
          <cell r="B111">
            <v>108</v>
          </cell>
          <cell r="D111" t="str">
            <v>切梁・腹起し設置工</v>
          </cell>
          <cell r="G111" t="str">
            <v>t</v>
          </cell>
          <cell r="H111">
            <v>24000</v>
          </cell>
          <cell r="J111" t="str">
            <v>施工　第0-0108号内訳表</v>
          </cell>
        </row>
        <row r="112">
          <cell r="B112">
            <v>109</v>
          </cell>
          <cell r="D112" t="str">
            <v>切梁・腹起し撤去工</v>
          </cell>
          <cell r="G112" t="str">
            <v>t</v>
          </cell>
          <cell r="H112">
            <v>15000</v>
          </cell>
          <cell r="J112" t="str">
            <v>施工　第0-0109号内訳表</v>
          </cell>
        </row>
        <row r="113">
          <cell r="B113">
            <v>110</v>
          </cell>
          <cell r="D113" t="str">
            <v>鉄筋工</v>
          </cell>
          <cell r="E113" t="str">
            <v>D22</v>
          </cell>
          <cell r="F113" t="str">
            <v>SD345</v>
          </cell>
          <cell r="G113" t="str">
            <v>t</v>
          </cell>
          <cell r="H113">
            <v>126000</v>
          </cell>
          <cell r="J113" t="str">
            <v>施工　第0-0110号内訳表</v>
          </cell>
        </row>
        <row r="114">
          <cell r="B114">
            <v>111</v>
          </cell>
          <cell r="D114" t="str">
            <v>養生工</v>
          </cell>
          <cell r="E114" t="str">
            <v>一般養生</v>
          </cell>
          <cell r="G114" t="str">
            <v>m2</v>
          </cell>
          <cell r="H114">
            <v>330</v>
          </cell>
          <cell r="J114" t="str">
            <v>施工　第0-0111号内訳表</v>
          </cell>
        </row>
        <row r="115">
          <cell r="B115">
            <v>112</v>
          </cell>
          <cell r="D115" t="str">
            <v>支保材設置・撤去</v>
          </cell>
          <cell r="E115" t="str">
            <v>くさび結合支保</v>
          </cell>
          <cell r="G115" t="str">
            <v>空m3</v>
          </cell>
          <cell r="H115">
            <v>2500</v>
          </cell>
          <cell r="J115" t="str">
            <v>施工　第0-0112号内訳表</v>
          </cell>
        </row>
        <row r="116">
          <cell r="B116">
            <v>113</v>
          </cell>
          <cell r="H116">
            <v>0</v>
          </cell>
          <cell r="J116" t="str">
            <v>施工　第0-0113号内訳表</v>
          </cell>
        </row>
        <row r="117">
          <cell r="B117">
            <v>114</v>
          </cell>
          <cell r="H117">
            <v>0</v>
          </cell>
          <cell r="J117" t="str">
            <v>施工　第0-0114号内訳表</v>
          </cell>
        </row>
        <row r="118">
          <cell r="B118">
            <v>115</v>
          </cell>
          <cell r="H118">
            <v>0</v>
          </cell>
          <cell r="J118" t="str">
            <v>施工　第0-0115号内訳表</v>
          </cell>
        </row>
        <row r="119">
          <cell r="B119">
            <v>116</v>
          </cell>
          <cell r="H119">
            <v>0</v>
          </cell>
          <cell r="J119" t="str">
            <v>施工　第0-0116号内訳表</v>
          </cell>
        </row>
        <row r="120">
          <cell r="B120">
            <v>117</v>
          </cell>
          <cell r="H120">
            <v>0</v>
          </cell>
          <cell r="J120" t="str">
            <v>施工　第0-0117号内訳表</v>
          </cell>
        </row>
        <row r="121">
          <cell r="B121">
            <v>118</v>
          </cell>
          <cell r="H121">
            <v>0</v>
          </cell>
          <cell r="J121" t="str">
            <v>施工　第0-0118号内訳表</v>
          </cell>
        </row>
        <row r="122">
          <cell r="B122">
            <v>119</v>
          </cell>
          <cell r="H122">
            <v>0</v>
          </cell>
          <cell r="J122" t="str">
            <v>施工　第0-0119号内訳表</v>
          </cell>
        </row>
        <row r="123">
          <cell r="B123">
            <v>120</v>
          </cell>
          <cell r="H123">
            <v>0</v>
          </cell>
          <cell r="J123" t="str">
            <v>施工　第0-0120号内訳表</v>
          </cell>
        </row>
        <row r="124">
          <cell r="B124">
            <v>121</v>
          </cell>
          <cell r="H124">
            <v>0</v>
          </cell>
          <cell r="J124" t="str">
            <v>施工　第0-0121号内訳表</v>
          </cell>
        </row>
        <row r="125">
          <cell r="B125">
            <v>122</v>
          </cell>
          <cell r="H125">
            <v>0</v>
          </cell>
          <cell r="J125" t="str">
            <v>施工　第0-0122号内訳表</v>
          </cell>
        </row>
        <row r="126">
          <cell r="B126">
            <v>123</v>
          </cell>
          <cell r="H126">
            <v>0</v>
          </cell>
          <cell r="J126" t="str">
            <v>施工　第0-0123号内訳表</v>
          </cell>
        </row>
        <row r="127">
          <cell r="B127">
            <v>124</v>
          </cell>
          <cell r="H127">
            <v>0</v>
          </cell>
          <cell r="J127" t="str">
            <v>施工　第0-0124号内訳表</v>
          </cell>
        </row>
        <row r="128">
          <cell r="B128">
            <v>125</v>
          </cell>
          <cell r="H128">
            <v>0</v>
          </cell>
          <cell r="J128" t="str">
            <v>施工　第0-0125号内訳表</v>
          </cell>
        </row>
        <row r="129">
          <cell r="B129">
            <v>126</v>
          </cell>
          <cell r="H129">
            <v>0</v>
          </cell>
          <cell r="J129" t="str">
            <v>施工　第0-0126号内訳表</v>
          </cell>
        </row>
        <row r="130">
          <cell r="B130">
            <v>127</v>
          </cell>
          <cell r="H130">
            <v>0</v>
          </cell>
          <cell r="J130" t="str">
            <v>施工　第0-0127号内訳表</v>
          </cell>
        </row>
        <row r="131">
          <cell r="B131">
            <v>128</v>
          </cell>
          <cell r="H131">
            <v>0</v>
          </cell>
          <cell r="J131" t="str">
            <v>施工　第0-0128号内訳表</v>
          </cell>
        </row>
        <row r="132">
          <cell r="B132">
            <v>129</v>
          </cell>
          <cell r="H132">
            <v>0</v>
          </cell>
          <cell r="J132" t="str">
            <v>施工　第0-0129号内訳表</v>
          </cell>
        </row>
        <row r="133">
          <cell r="B133">
            <v>130</v>
          </cell>
          <cell r="H133">
            <v>0</v>
          </cell>
          <cell r="J133" t="str">
            <v>施工　第0-0130号内訳表</v>
          </cell>
        </row>
        <row r="134">
          <cell r="B134">
            <v>131</v>
          </cell>
          <cell r="H134">
            <v>0</v>
          </cell>
          <cell r="J134" t="str">
            <v>施工　第0-0131号内訳表</v>
          </cell>
        </row>
        <row r="135">
          <cell r="B135">
            <v>132</v>
          </cell>
          <cell r="H135">
            <v>0</v>
          </cell>
          <cell r="J135" t="str">
            <v>施工　第0-0132号内訳表</v>
          </cell>
        </row>
        <row r="136">
          <cell r="B136">
            <v>133</v>
          </cell>
          <cell r="H136">
            <v>0</v>
          </cell>
          <cell r="J136" t="str">
            <v>施工　第0-0133号内訳表</v>
          </cell>
        </row>
        <row r="137">
          <cell r="B137">
            <v>134</v>
          </cell>
          <cell r="H137">
            <v>0</v>
          </cell>
          <cell r="J137" t="str">
            <v>施工　第0-0134号内訳表</v>
          </cell>
        </row>
        <row r="138">
          <cell r="B138">
            <v>135</v>
          </cell>
          <cell r="H138">
            <v>0</v>
          </cell>
          <cell r="J138" t="str">
            <v>施工　第0-0135号内訳表</v>
          </cell>
        </row>
        <row r="139">
          <cell r="B139">
            <v>136</v>
          </cell>
          <cell r="H139">
            <v>0</v>
          </cell>
          <cell r="J139" t="str">
            <v>施工　第0-0136号内訳表</v>
          </cell>
        </row>
        <row r="140">
          <cell r="B140">
            <v>137</v>
          </cell>
          <cell r="H140">
            <v>0</v>
          </cell>
          <cell r="J140" t="str">
            <v>施工　第0-0137号内訳表</v>
          </cell>
        </row>
        <row r="141">
          <cell r="B141">
            <v>138</v>
          </cell>
          <cell r="H141">
            <v>0</v>
          </cell>
          <cell r="J141" t="str">
            <v>施工　第0-0138号内訳表</v>
          </cell>
        </row>
        <row r="142">
          <cell r="B142">
            <v>139</v>
          </cell>
          <cell r="H142">
            <v>0</v>
          </cell>
          <cell r="J142" t="str">
            <v>施工　第0-0139号内訳表</v>
          </cell>
        </row>
        <row r="143">
          <cell r="B143">
            <v>140</v>
          </cell>
          <cell r="H143">
            <v>0</v>
          </cell>
          <cell r="J143" t="str">
            <v>施工　第0-0140号内訳表</v>
          </cell>
        </row>
        <row r="144">
          <cell r="B144">
            <v>141</v>
          </cell>
          <cell r="H144">
            <v>0</v>
          </cell>
          <cell r="J144" t="str">
            <v>施工　第0-0141号内訳表</v>
          </cell>
        </row>
        <row r="145">
          <cell r="B145">
            <v>142</v>
          </cell>
          <cell r="H145">
            <v>0</v>
          </cell>
          <cell r="J145" t="str">
            <v>施工　第0-0142号内訳表</v>
          </cell>
        </row>
        <row r="146">
          <cell r="B146">
            <v>143</v>
          </cell>
          <cell r="H146">
            <v>0</v>
          </cell>
          <cell r="J146" t="str">
            <v>施工　第0-0143号内訳表</v>
          </cell>
        </row>
        <row r="147">
          <cell r="B147">
            <v>144</v>
          </cell>
          <cell r="H147">
            <v>0</v>
          </cell>
          <cell r="J147" t="str">
            <v>施工　第0-0144号内訳表</v>
          </cell>
        </row>
        <row r="148">
          <cell r="B148">
            <v>145</v>
          </cell>
          <cell r="H148">
            <v>0</v>
          </cell>
          <cell r="J148" t="str">
            <v>施工　第0-0145号内訳表</v>
          </cell>
        </row>
        <row r="149">
          <cell r="B149">
            <v>146</v>
          </cell>
          <cell r="H149">
            <v>0</v>
          </cell>
          <cell r="J149" t="str">
            <v>施工　第0-0146号内訳表</v>
          </cell>
        </row>
        <row r="150">
          <cell r="B150">
            <v>147</v>
          </cell>
          <cell r="H150">
            <v>0</v>
          </cell>
          <cell r="J150" t="str">
            <v>施工　第0-0147号内訳表</v>
          </cell>
        </row>
        <row r="151">
          <cell r="B151">
            <v>148</v>
          </cell>
          <cell r="H151">
            <v>0</v>
          </cell>
          <cell r="J151" t="str">
            <v>施工　第0-0148号内訳表</v>
          </cell>
        </row>
        <row r="152">
          <cell r="B152">
            <v>149</v>
          </cell>
          <cell r="H152">
            <v>0</v>
          </cell>
          <cell r="J152" t="str">
            <v>施工　第0-0149号内訳表</v>
          </cell>
        </row>
        <row r="153">
          <cell r="B153">
            <v>150</v>
          </cell>
          <cell r="H153">
            <v>0</v>
          </cell>
          <cell r="J153" t="str">
            <v>施工　第0-0150号内訳表</v>
          </cell>
        </row>
        <row r="154">
          <cell r="B154">
            <v>151</v>
          </cell>
          <cell r="H154">
            <v>0</v>
          </cell>
          <cell r="J154" t="str">
            <v>施工　第0-0151号内訳表</v>
          </cell>
        </row>
        <row r="155">
          <cell r="B155">
            <v>152</v>
          </cell>
          <cell r="H155">
            <v>0</v>
          </cell>
          <cell r="J155" t="str">
            <v>施工　第0-0152号内訳表</v>
          </cell>
        </row>
        <row r="156">
          <cell r="B156">
            <v>153</v>
          </cell>
          <cell r="H156">
            <v>0</v>
          </cell>
          <cell r="J156" t="str">
            <v>施工　第0-0153号内訳表</v>
          </cell>
        </row>
        <row r="157">
          <cell r="B157">
            <v>154</v>
          </cell>
          <cell r="H157">
            <v>0</v>
          </cell>
          <cell r="J157" t="str">
            <v>施工　第0-0154号内訳表</v>
          </cell>
        </row>
        <row r="158">
          <cell r="B158">
            <v>155</v>
          </cell>
          <cell r="H158">
            <v>0</v>
          </cell>
          <cell r="J158" t="str">
            <v>施工　第0-0155号内訳表</v>
          </cell>
        </row>
        <row r="159">
          <cell r="B159">
            <v>156</v>
          </cell>
          <cell r="H159">
            <v>0</v>
          </cell>
          <cell r="J159" t="str">
            <v>施工　第0-0156号内訳表</v>
          </cell>
        </row>
        <row r="160">
          <cell r="B160">
            <v>157</v>
          </cell>
          <cell r="H160">
            <v>0</v>
          </cell>
          <cell r="J160" t="str">
            <v>施工　第0-0157号内訳表</v>
          </cell>
        </row>
        <row r="161">
          <cell r="B161">
            <v>158</v>
          </cell>
          <cell r="H161">
            <v>0</v>
          </cell>
          <cell r="J161" t="str">
            <v>施工　第0-0158号内訳表</v>
          </cell>
        </row>
        <row r="162">
          <cell r="B162">
            <v>159</v>
          </cell>
          <cell r="H162">
            <v>0</v>
          </cell>
          <cell r="J162" t="str">
            <v>施工　第0-0159号内訳表</v>
          </cell>
        </row>
        <row r="163">
          <cell r="B163">
            <v>160</v>
          </cell>
          <cell r="H163">
            <v>0</v>
          </cell>
          <cell r="J163" t="str">
            <v>施工　第0-0160号内訳表</v>
          </cell>
        </row>
        <row r="164">
          <cell r="B164">
            <v>161</v>
          </cell>
          <cell r="H164">
            <v>0</v>
          </cell>
          <cell r="J164" t="str">
            <v>施工　第0-0161号内訳表</v>
          </cell>
        </row>
        <row r="165">
          <cell r="B165">
            <v>162</v>
          </cell>
          <cell r="H165">
            <v>0</v>
          </cell>
          <cell r="J165" t="str">
            <v>施工　第0-0162号内訳表</v>
          </cell>
        </row>
        <row r="166">
          <cell r="B166">
            <v>163</v>
          </cell>
          <cell r="H166">
            <v>0</v>
          </cell>
          <cell r="J166" t="str">
            <v>施工　第0-0163号内訳表</v>
          </cell>
        </row>
        <row r="167">
          <cell r="B167">
            <v>164</v>
          </cell>
          <cell r="H167">
            <v>0</v>
          </cell>
          <cell r="J167" t="str">
            <v>施工　第0-0164号内訳表</v>
          </cell>
        </row>
        <row r="168">
          <cell r="B168">
            <v>165</v>
          </cell>
          <cell r="H168">
            <v>0</v>
          </cell>
          <cell r="J168" t="str">
            <v>施工　第0-0165号内訳表</v>
          </cell>
        </row>
        <row r="169">
          <cell r="B169">
            <v>166</v>
          </cell>
          <cell r="H169">
            <v>0</v>
          </cell>
          <cell r="J169" t="str">
            <v>施工　第0-0166号内訳表</v>
          </cell>
        </row>
        <row r="170">
          <cell r="B170">
            <v>167</v>
          </cell>
          <cell r="H170">
            <v>0</v>
          </cell>
          <cell r="J170" t="str">
            <v>施工　第0-0167号内訳表</v>
          </cell>
        </row>
        <row r="171">
          <cell r="B171">
            <v>168</v>
          </cell>
          <cell r="H171">
            <v>0</v>
          </cell>
          <cell r="J171" t="str">
            <v>施工　第0-0168号内訳表</v>
          </cell>
        </row>
        <row r="172">
          <cell r="B172">
            <v>169</v>
          </cell>
          <cell r="H172">
            <v>0</v>
          </cell>
          <cell r="J172" t="str">
            <v>施工　第0-0169号内訳表</v>
          </cell>
        </row>
        <row r="173">
          <cell r="B173">
            <v>170</v>
          </cell>
          <cell r="H173">
            <v>0</v>
          </cell>
          <cell r="J173" t="str">
            <v>施工　第0-0170号内訳表</v>
          </cell>
        </row>
        <row r="174">
          <cell r="B174">
            <v>171</v>
          </cell>
          <cell r="H174">
            <v>0</v>
          </cell>
          <cell r="J174" t="str">
            <v>施工　第0-0171号内訳表</v>
          </cell>
        </row>
        <row r="175">
          <cell r="B175">
            <v>172</v>
          </cell>
          <cell r="H175">
            <v>0</v>
          </cell>
          <cell r="J175" t="str">
            <v>施工　第0-0172号内訳表</v>
          </cell>
        </row>
        <row r="176">
          <cell r="B176">
            <v>173</v>
          </cell>
          <cell r="H176">
            <v>0</v>
          </cell>
          <cell r="J176" t="str">
            <v>施工　第0-0173号内訳表</v>
          </cell>
        </row>
        <row r="177">
          <cell r="B177">
            <v>174</v>
          </cell>
          <cell r="H177">
            <v>0</v>
          </cell>
          <cell r="J177" t="str">
            <v>施工　第0-0174号内訳表</v>
          </cell>
        </row>
        <row r="178">
          <cell r="B178">
            <v>175</v>
          </cell>
          <cell r="H178">
            <v>0</v>
          </cell>
          <cell r="J178" t="str">
            <v>施工　第0-0175号内訳表</v>
          </cell>
        </row>
        <row r="179">
          <cell r="B179">
            <v>176</v>
          </cell>
          <cell r="H179">
            <v>0</v>
          </cell>
          <cell r="J179" t="str">
            <v>施工　第0-0176号内訳表</v>
          </cell>
        </row>
        <row r="180">
          <cell r="B180">
            <v>177</v>
          </cell>
          <cell r="H180">
            <v>0</v>
          </cell>
          <cell r="J180" t="str">
            <v>施工　第0-0177号内訳表</v>
          </cell>
        </row>
        <row r="181">
          <cell r="B181">
            <v>178</v>
          </cell>
          <cell r="H181">
            <v>0</v>
          </cell>
          <cell r="J181" t="str">
            <v>施工　第0-0178号内訳表</v>
          </cell>
        </row>
        <row r="182">
          <cell r="B182">
            <v>179</v>
          </cell>
          <cell r="H182">
            <v>0</v>
          </cell>
          <cell r="J182" t="str">
            <v>施工　第0-0179号内訳表</v>
          </cell>
        </row>
        <row r="183">
          <cell r="B183">
            <v>180</v>
          </cell>
          <cell r="H183">
            <v>0</v>
          </cell>
          <cell r="J183" t="str">
            <v>施工　第0-0180号内訳表</v>
          </cell>
        </row>
        <row r="184">
          <cell r="B184">
            <v>181</v>
          </cell>
          <cell r="H184">
            <v>0</v>
          </cell>
          <cell r="J184" t="str">
            <v>施工　第0-0181号内訳表</v>
          </cell>
        </row>
        <row r="185">
          <cell r="B185">
            <v>182</v>
          </cell>
          <cell r="H185">
            <v>0</v>
          </cell>
          <cell r="J185" t="str">
            <v>施工　第0-0182号内訳表</v>
          </cell>
        </row>
        <row r="186">
          <cell r="B186">
            <v>183</v>
          </cell>
          <cell r="H186">
            <v>0</v>
          </cell>
          <cell r="J186" t="str">
            <v>施工　第0-0183号内訳表</v>
          </cell>
        </row>
        <row r="187">
          <cell r="B187">
            <v>184</v>
          </cell>
          <cell r="H187">
            <v>0</v>
          </cell>
          <cell r="J187" t="str">
            <v>施工　第0-0184号内訳表</v>
          </cell>
        </row>
        <row r="188">
          <cell r="B188">
            <v>185</v>
          </cell>
          <cell r="H188">
            <v>0</v>
          </cell>
          <cell r="J188" t="str">
            <v>施工　第0-0185号内訳表</v>
          </cell>
        </row>
        <row r="189">
          <cell r="B189">
            <v>186</v>
          </cell>
          <cell r="H189">
            <v>0</v>
          </cell>
          <cell r="J189" t="str">
            <v>施工　第0-0186号内訳表</v>
          </cell>
        </row>
        <row r="190">
          <cell r="B190">
            <v>187</v>
          </cell>
          <cell r="H190">
            <v>0</v>
          </cell>
          <cell r="J190" t="str">
            <v>施工　第0-0187号内訳表</v>
          </cell>
        </row>
        <row r="191">
          <cell r="B191">
            <v>188</v>
          </cell>
          <cell r="H191">
            <v>0</v>
          </cell>
          <cell r="J191" t="str">
            <v>施工　第0-0188号内訳表</v>
          </cell>
        </row>
        <row r="192">
          <cell r="B192">
            <v>189</v>
          </cell>
          <cell r="H192">
            <v>0</v>
          </cell>
          <cell r="J192" t="str">
            <v>施工　第0-0189号内訳表</v>
          </cell>
        </row>
        <row r="193">
          <cell r="B193">
            <v>190</v>
          </cell>
          <cell r="H193">
            <v>0</v>
          </cell>
          <cell r="J193" t="str">
            <v>施工　第0-0190号内訳表</v>
          </cell>
        </row>
        <row r="194">
          <cell r="B194">
            <v>191</v>
          </cell>
          <cell r="H194">
            <v>0</v>
          </cell>
          <cell r="J194" t="str">
            <v>施工　第0-0191号内訳表</v>
          </cell>
        </row>
        <row r="195">
          <cell r="B195">
            <v>192</v>
          </cell>
          <cell r="H195">
            <v>0</v>
          </cell>
          <cell r="J195" t="str">
            <v>施工　第0-0192号内訳表</v>
          </cell>
        </row>
        <row r="196">
          <cell r="B196">
            <v>193</v>
          </cell>
          <cell r="H196">
            <v>0</v>
          </cell>
          <cell r="J196" t="str">
            <v>施工　第0-0193号内訳表</v>
          </cell>
        </row>
        <row r="197">
          <cell r="B197">
            <v>194</v>
          </cell>
          <cell r="H197">
            <v>0</v>
          </cell>
          <cell r="J197" t="str">
            <v>施工　第0-0194号内訳表</v>
          </cell>
        </row>
        <row r="198">
          <cell r="B198">
            <v>195</v>
          </cell>
          <cell r="H198">
            <v>0</v>
          </cell>
          <cell r="J198" t="str">
            <v>施工　第0-0195号内訳表</v>
          </cell>
        </row>
        <row r="199">
          <cell r="B199">
            <v>196</v>
          </cell>
          <cell r="H199">
            <v>0</v>
          </cell>
          <cell r="J199" t="str">
            <v>施工　第0-0196号内訳表</v>
          </cell>
        </row>
        <row r="200">
          <cell r="B200">
            <v>197</v>
          </cell>
          <cell r="H200">
            <v>0</v>
          </cell>
          <cell r="J200" t="str">
            <v>施工　第0-0197号内訳表</v>
          </cell>
        </row>
        <row r="201">
          <cell r="B201">
            <v>198</v>
          </cell>
          <cell r="H201">
            <v>0</v>
          </cell>
          <cell r="J201" t="str">
            <v>施工　第0-0198号内訳表</v>
          </cell>
        </row>
        <row r="202">
          <cell r="B202">
            <v>199</v>
          </cell>
          <cell r="H202">
            <v>0</v>
          </cell>
          <cell r="J202" t="str">
            <v>施工　第0-0199号内訳表</v>
          </cell>
        </row>
        <row r="203">
          <cell r="B203">
            <v>200</v>
          </cell>
          <cell r="H203">
            <v>0</v>
          </cell>
          <cell r="J203" t="str">
            <v>施工　第0-0200号内訳表</v>
          </cell>
        </row>
        <row r="204">
          <cell r="B204">
            <v>201</v>
          </cell>
          <cell r="D204" t="str">
            <v>塩ビ管布設工</v>
          </cell>
          <cell r="E204" t="str">
            <v>φ75</v>
          </cell>
          <cell r="G204" t="str">
            <v>m</v>
          </cell>
          <cell r="H204">
            <v>360</v>
          </cell>
          <cell r="J204" t="str">
            <v>施工　第0-0201号内訳表</v>
          </cell>
        </row>
        <row r="205">
          <cell r="B205">
            <v>202</v>
          </cell>
          <cell r="D205" t="str">
            <v>塩ビ管継手工</v>
          </cell>
          <cell r="E205" t="str">
            <v>φ75</v>
          </cell>
          <cell r="G205" t="str">
            <v>口</v>
          </cell>
          <cell r="H205">
            <v>1100</v>
          </cell>
          <cell r="J205" t="str">
            <v>施工　第0-0202号内訳表</v>
          </cell>
        </row>
        <row r="206">
          <cell r="B206">
            <v>203</v>
          </cell>
          <cell r="D206" t="str">
            <v>塩ビ管布設工</v>
          </cell>
          <cell r="E206" t="str">
            <v>φ100</v>
          </cell>
          <cell r="G206" t="str">
            <v>m</v>
          </cell>
          <cell r="H206">
            <v>420</v>
          </cell>
          <cell r="J206" t="str">
            <v>施工　第0-0203号内訳表</v>
          </cell>
        </row>
        <row r="207">
          <cell r="B207">
            <v>204</v>
          </cell>
          <cell r="D207" t="str">
            <v>塩ビ管継手工</v>
          </cell>
          <cell r="E207" t="str">
            <v>φ100</v>
          </cell>
          <cell r="G207" t="str">
            <v>口</v>
          </cell>
          <cell r="H207">
            <v>1600</v>
          </cell>
          <cell r="J207" t="str">
            <v>施工　第0-0204号内訳表</v>
          </cell>
        </row>
        <row r="208">
          <cell r="B208">
            <v>205</v>
          </cell>
          <cell r="D208" t="str">
            <v>遠心力鉄筋コンクリート管布設工</v>
          </cell>
          <cell r="E208" t="str">
            <v>φ350</v>
          </cell>
          <cell r="G208" t="str">
            <v>m</v>
          </cell>
          <cell r="H208">
            <v>3200</v>
          </cell>
          <cell r="J208" t="str">
            <v>施工　第0-0205号内訳表</v>
          </cell>
        </row>
        <row r="209">
          <cell r="B209">
            <v>206</v>
          </cell>
          <cell r="D209" t="str">
            <v>カラー継手工</v>
          </cell>
          <cell r="E209" t="str">
            <v>φ350</v>
          </cell>
          <cell r="G209" t="str">
            <v>口</v>
          </cell>
          <cell r="H209">
            <v>2400</v>
          </cell>
          <cell r="J209" t="str">
            <v>施工　第0-0206号内訳表</v>
          </cell>
        </row>
        <row r="210">
          <cell r="B210">
            <v>207</v>
          </cell>
          <cell r="D210" t="str">
            <v>鋳鉄管据付工</v>
          </cell>
          <cell r="E210" t="str">
            <v>φ1000</v>
          </cell>
          <cell r="F210" t="str">
            <v>機械力</v>
          </cell>
          <cell r="G210" t="str">
            <v>m</v>
          </cell>
          <cell r="H210">
            <v>5200</v>
          </cell>
          <cell r="J210" t="str">
            <v>施工　第0-0207号内訳表</v>
          </cell>
        </row>
        <row r="211">
          <cell r="B211">
            <v>208</v>
          </cell>
          <cell r="D211" t="str">
            <v>鋳鉄管据付工</v>
          </cell>
          <cell r="E211" t="str">
            <v>φ800</v>
          </cell>
          <cell r="F211" t="str">
            <v>機械力</v>
          </cell>
          <cell r="G211" t="str">
            <v>m</v>
          </cell>
          <cell r="H211">
            <v>3500</v>
          </cell>
          <cell r="J211" t="str">
            <v>施工　第0-0208号内訳表</v>
          </cell>
        </row>
        <row r="212">
          <cell r="B212">
            <v>209</v>
          </cell>
          <cell r="D212" t="str">
            <v>鋳鉄管据付工</v>
          </cell>
          <cell r="E212" t="str">
            <v>φ600</v>
          </cell>
          <cell r="F212" t="str">
            <v>機械力</v>
          </cell>
          <cell r="G212" t="str">
            <v>m</v>
          </cell>
          <cell r="H212">
            <v>2700</v>
          </cell>
          <cell r="J212" t="str">
            <v>施工　第0-0209号内訳表</v>
          </cell>
        </row>
        <row r="213">
          <cell r="B213">
            <v>210</v>
          </cell>
          <cell r="D213" t="str">
            <v>鋳鉄管据付工</v>
          </cell>
          <cell r="E213" t="str">
            <v>φ400</v>
          </cell>
          <cell r="F213" t="str">
            <v>機械力</v>
          </cell>
          <cell r="G213" t="str">
            <v>m</v>
          </cell>
          <cell r="H213">
            <v>1900</v>
          </cell>
          <cell r="J213" t="str">
            <v>施工　第0-0210号内訳表</v>
          </cell>
        </row>
        <row r="214">
          <cell r="B214">
            <v>211</v>
          </cell>
          <cell r="D214" t="str">
            <v>鋳鉄管据付工</v>
          </cell>
          <cell r="E214" t="str">
            <v>φ200</v>
          </cell>
          <cell r="F214" t="str">
            <v>機械力</v>
          </cell>
          <cell r="G214" t="str">
            <v>m</v>
          </cell>
          <cell r="H214">
            <v>1300</v>
          </cell>
          <cell r="J214" t="str">
            <v>施工　第0-0211号内訳表</v>
          </cell>
        </row>
        <row r="215">
          <cell r="B215">
            <v>212</v>
          </cell>
          <cell r="D215" t="str">
            <v>NS継手工</v>
          </cell>
          <cell r="E215" t="str">
            <v>φ1000</v>
          </cell>
          <cell r="F215" t="str">
            <v>ライナ含</v>
          </cell>
          <cell r="G215" t="str">
            <v>口</v>
          </cell>
          <cell r="H215">
            <v>13000</v>
          </cell>
          <cell r="J215" t="str">
            <v>施工　第0-0212号内訳表</v>
          </cell>
        </row>
        <row r="216">
          <cell r="B216">
            <v>213</v>
          </cell>
          <cell r="D216" t="str">
            <v>NS継手工</v>
          </cell>
          <cell r="E216" t="str">
            <v>φ1000</v>
          </cell>
          <cell r="F216" t="str">
            <v>ライナ無</v>
          </cell>
          <cell r="G216" t="str">
            <v>口</v>
          </cell>
          <cell r="H216">
            <v>10000</v>
          </cell>
          <cell r="J216" t="str">
            <v>施工　第0-0213号内訳表</v>
          </cell>
        </row>
        <row r="217">
          <cell r="B217">
            <v>214</v>
          </cell>
          <cell r="D217" t="str">
            <v>NS継手工</v>
          </cell>
          <cell r="E217" t="str">
            <v>φ800</v>
          </cell>
          <cell r="F217" t="str">
            <v>ライナ含</v>
          </cell>
          <cell r="G217" t="str">
            <v>口</v>
          </cell>
          <cell r="H217">
            <v>9300</v>
          </cell>
          <cell r="J217" t="str">
            <v>施工　第0-0214号内訳表</v>
          </cell>
        </row>
        <row r="218">
          <cell r="B218">
            <v>215</v>
          </cell>
          <cell r="D218" t="str">
            <v>NS継手工</v>
          </cell>
          <cell r="E218" t="str">
            <v>φ800</v>
          </cell>
          <cell r="F218" t="str">
            <v>ライナ無</v>
          </cell>
          <cell r="G218" t="str">
            <v>口</v>
          </cell>
          <cell r="H218">
            <v>7800</v>
          </cell>
          <cell r="J218" t="str">
            <v>施工　第0-0215号内訳表</v>
          </cell>
        </row>
        <row r="219">
          <cell r="B219">
            <v>216</v>
          </cell>
          <cell r="D219" t="str">
            <v>NS継手工</v>
          </cell>
          <cell r="E219" t="str">
            <v>φ600</v>
          </cell>
          <cell r="F219" t="str">
            <v>ライナ含</v>
          </cell>
          <cell r="G219" t="str">
            <v>口</v>
          </cell>
          <cell r="H219">
            <v>6100</v>
          </cell>
          <cell r="J219" t="str">
            <v>施工　第0-0216号内訳表</v>
          </cell>
        </row>
        <row r="220">
          <cell r="B220">
            <v>217</v>
          </cell>
          <cell r="D220" t="str">
            <v>NS継手工</v>
          </cell>
          <cell r="E220" t="str">
            <v>φ600</v>
          </cell>
          <cell r="F220" t="str">
            <v>ライナ無</v>
          </cell>
          <cell r="G220" t="str">
            <v>口</v>
          </cell>
          <cell r="H220">
            <v>5100</v>
          </cell>
          <cell r="J220" t="str">
            <v>施工　第0-0217号内訳表</v>
          </cell>
        </row>
        <row r="221">
          <cell r="B221">
            <v>218</v>
          </cell>
          <cell r="D221" t="str">
            <v>NS継手工</v>
          </cell>
          <cell r="E221" t="str">
            <v>φ400</v>
          </cell>
          <cell r="F221" t="str">
            <v>直管部</v>
          </cell>
          <cell r="G221" t="str">
            <v>口</v>
          </cell>
          <cell r="H221">
            <v>3800</v>
          </cell>
          <cell r="J221" t="str">
            <v>施工　第0-0218号内訳表</v>
          </cell>
        </row>
        <row r="222">
          <cell r="B222">
            <v>219</v>
          </cell>
          <cell r="D222" t="str">
            <v>NS継手工</v>
          </cell>
          <cell r="E222" t="str">
            <v>φ400</v>
          </cell>
          <cell r="F222" t="str">
            <v>異形管部</v>
          </cell>
          <cell r="G222" t="str">
            <v>口</v>
          </cell>
          <cell r="H222">
            <v>3400</v>
          </cell>
          <cell r="J222" t="str">
            <v>施工　第0-0219号内訳表</v>
          </cell>
        </row>
        <row r="223">
          <cell r="B223">
            <v>220</v>
          </cell>
          <cell r="D223" t="str">
            <v>GX継手工</v>
          </cell>
          <cell r="E223" t="str">
            <v>φ200</v>
          </cell>
          <cell r="F223" t="str">
            <v>直管部</v>
          </cell>
          <cell r="G223" t="str">
            <v>口</v>
          </cell>
          <cell r="H223">
            <v>2000</v>
          </cell>
          <cell r="J223" t="str">
            <v>施工　第0-0220号内訳表</v>
          </cell>
        </row>
        <row r="224">
          <cell r="B224">
            <v>221</v>
          </cell>
          <cell r="D224" t="str">
            <v>GX継手工</v>
          </cell>
          <cell r="E224" t="str">
            <v>φ200</v>
          </cell>
          <cell r="F224" t="str">
            <v>直管部 P-Link有</v>
          </cell>
          <cell r="G224" t="str">
            <v>口</v>
          </cell>
          <cell r="H224">
            <v>2600</v>
          </cell>
          <cell r="J224" t="str">
            <v>施工　第0-0221号内訳表</v>
          </cell>
        </row>
        <row r="225">
          <cell r="B225">
            <v>222</v>
          </cell>
          <cell r="D225" t="str">
            <v>GX継手工</v>
          </cell>
          <cell r="E225" t="str">
            <v>φ200</v>
          </cell>
          <cell r="F225" t="str">
            <v>異形管部</v>
          </cell>
          <cell r="G225" t="str">
            <v>口</v>
          </cell>
          <cell r="H225">
            <v>2400</v>
          </cell>
          <cell r="J225" t="str">
            <v>施工　第0-0222号内訳表</v>
          </cell>
        </row>
        <row r="226">
          <cell r="B226">
            <v>223</v>
          </cell>
          <cell r="D226" t="str">
            <v>GX継手工</v>
          </cell>
          <cell r="E226" t="str">
            <v>φ200</v>
          </cell>
          <cell r="F226" t="str">
            <v>異形管部 G-Link有</v>
          </cell>
          <cell r="G226" t="str">
            <v>口</v>
          </cell>
          <cell r="H226">
            <v>3100</v>
          </cell>
          <cell r="J226" t="str">
            <v>施工　第0-0223号内訳表</v>
          </cell>
        </row>
        <row r="227">
          <cell r="B227">
            <v>224</v>
          </cell>
          <cell r="D227" t="str">
            <v>フランジ継手工</v>
          </cell>
          <cell r="E227" t="str">
            <v>φ1000</v>
          </cell>
          <cell r="F227" t="str">
            <v>7.5k</v>
          </cell>
          <cell r="G227" t="str">
            <v>口</v>
          </cell>
          <cell r="H227">
            <v>12000</v>
          </cell>
          <cell r="J227" t="str">
            <v>施工　第0-0224号内訳表</v>
          </cell>
        </row>
        <row r="228">
          <cell r="B228">
            <v>225</v>
          </cell>
          <cell r="D228" t="str">
            <v>フランジ継手工</v>
          </cell>
          <cell r="E228" t="str">
            <v>φ800</v>
          </cell>
          <cell r="F228" t="str">
            <v>7.5k</v>
          </cell>
          <cell r="G228" t="str">
            <v>口</v>
          </cell>
          <cell r="H228">
            <v>8100</v>
          </cell>
          <cell r="J228" t="str">
            <v>施工　第0-0225号内訳表</v>
          </cell>
        </row>
        <row r="229">
          <cell r="B229">
            <v>226</v>
          </cell>
          <cell r="D229" t="str">
            <v>フランジ継手工</v>
          </cell>
          <cell r="E229" t="str">
            <v>φ600</v>
          </cell>
          <cell r="F229" t="str">
            <v>7.5k</v>
          </cell>
          <cell r="G229" t="str">
            <v>口</v>
          </cell>
          <cell r="H229">
            <v>5800</v>
          </cell>
          <cell r="J229" t="str">
            <v>施工　第0-0226号内訳表</v>
          </cell>
        </row>
        <row r="230">
          <cell r="B230">
            <v>227</v>
          </cell>
          <cell r="D230" t="str">
            <v>フランジ継手工</v>
          </cell>
          <cell r="E230" t="str">
            <v>φ400</v>
          </cell>
          <cell r="F230" t="str">
            <v>7.5k</v>
          </cell>
          <cell r="G230" t="str">
            <v>口</v>
          </cell>
          <cell r="H230">
            <v>4100</v>
          </cell>
          <cell r="J230" t="str">
            <v>施工　第0-0227号内訳表</v>
          </cell>
        </row>
        <row r="231">
          <cell r="B231">
            <v>228</v>
          </cell>
          <cell r="D231" t="str">
            <v>フランジ継手工</v>
          </cell>
          <cell r="E231" t="str">
            <v>φ200</v>
          </cell>
          <cell r="F231" t="str">
            <v>7.5k</v>
          </cell>
          <cell r="G231" t="str">
            <v>口</v>
          </cell>
          <cell r="H231">
            <v>2700</v>
          </cell>
          <cell r="J231" t="str">
            <v>施工　第0-0228号内訳表</v>
          </cell>
        </row>
        <row r="232">
          <cell r="B232">
            <v>229</v>
          </cell>
          <cell r="D232" t="str">
            <v>鋳鉄管切断・溝切</v>
          </cell>
          <cell r="E232" t="str">
            <v>φ1000</v>
          </cell>
          <cell r="F232" t="str">
            <v>NS形　2工程</v>
          </cell>
          <cell r="G232" t="str">
            <v>口</v>
          </cell>
          <cell r="H232">
            <v>86000</v>
          </cell>
          <cell r="J232" t="str">
            <v>施工　第0-0229号内訳表</v>
          </cell>
        </row>
        <row r="233">
          <cell r="B233">
            <v>230</v>
          </cell>
          <cell r="D233" t="str">
            <v>鋳鉄管切断・溝切</v>
          </cell>
          <cell r="E233" t="str">
            <v>φ800</v>
          </cell>
          <cell r="F233" t="str">
            <v>NS形　2工程</v>
          </cell>
          <cell r="G233" t="str">
            <v>口</v>
          </cell>
          <cell r="H233">
            <v>67000</v>
          </cell>
          <cell r="J233" t="str">
            <v>施工　第0-0230号内訳表</v>
          </cell>
        </row>
        <row r="234">
          <cell r="B234">
            <v>231</v>
          </cell>
          <cell r="D234" t="str">
            <v>鋳鉄管切断・溝切</v>
          </cell>
          <cell r="E234" t="str">
            <v>φ600</v>
          </cell>
          <cell r="F234" t="str">
            <v>NS形　2工程</v>
          </cell>
          <cell r="G234" t="str">
            <v>口</v>
          </cell>
          <cell r="H234">
            <v>49000</v>
          </cell>
          <cell r="J234" t="str">
            <v>施工　第0-0231号内訳表</v>
          </cell>
        </row>
        <row r="235">
          <cell r="B235">
            <v>232</v>
          </cell>
          <cell r="D235" t="str">
            <v>鋳鉄管切断・溝切</v>
          </cell>
          <cell r="E235" t="str">
            <v>φ400</v>
          </cell>
          <cell r="F235" t="str">
            <v>NS形　切断・溝切同時</v>
          </cell>
          <cell r="G235" t="str">
            <v>口</v>
          </cell>
          <cell r="H235">
            <v>26000</v>
          </cell>
          <cell r="J235" t="str">
            <v>施工　第0-0232号内訳表</v>
          </cell>
        </row>
        <row r="236">
          <cell r="B236">
            <v>233</v>
          </cell>
          <cell r="D236" t="str">
            <v>鋳鉄管切断工</v>
          </cell>
          <cell r="E236" t="str">
            <v>φ200</v>
          </cell>
          <cell r="G236" t="str">
            <v>口</v>
          </cell>
          <cell r="H236">
            <v>2500</v>
          </cell>
          <cell r="J236" t="str">
            <v>施工　第0-0233号内訳表</v>
          </cell>
        </row>
        <row r="237">
          <cell r="B237">
            <v>234</v>
          </cell>
          <cell r="D237" t="str">
            <v>鋳鉄管挿口加工</v>
          </cell>
          <cell r="E237" t="str">
            <v>φ1000</v>
          </cell>
          <cell r="F237" t="str">
            <v>NS形　リベット式</v>
          </cell>
          <cell r="G237" t="str">
            <v>口</v>
          </cell>
          <cell r="H237">
            <v>5100</v>
          </cell>
          <cell r="J237" t="str">
            <v>施工　第0-0234号内訳表</v>
          </cell>
        </row>
        <row r="238">
          <cell r="B238">
            <v>235</v>
          </cell>
          <cell r="D238" t="str">
            <v>鋳鉄管挿口加工</v>
          </cell>
          <cell r="E238" t="str">
            <v>φ800</v>
          </cell>
          <cell r="F238" t="str">
            <v>NS形　リベット式</v>
          </cell>
          <cell r="G238" t="str">
            <v>口</v>
          </cell>
          <cell r="H238">
            <v>3200</v>
          </cell>
          <cell r="J238" t="str">
            <v>施工　第0-0235号内訳表</v>
          </cell>
        </row>
        <row r="239">
          <cell r="B239">
            <v>236</v>
          </cell>
          <cell r="D239" t="str">
            <v>鋳鉄管挿口加工</v>
          </cell>
          <cell r="E239" t="str">
            <v>φ600</v>
          </cell>
          <cell r="F239" t="str">
            <v>NS形　リベット式</v>
          </cell>
          <cell r="G239" t="str">
            <v>口</v>
          </cell>
          <cell r="H239">
            <v>2800</v>
          </cell>
          <cell r="J239" t="str">
            <v>施工　第0-0236号内訳表</v>
          </cell>
        </row>
        <row r="240">
          <cell r="B240">
            <v>237</v>
          </cell>
          <cell r="D240" t="str">
            <v>鋳鉄管挿口加工</v>
          </cell>
          <cell r="E240" t="str">
            <v>φ400</v>
          </cell>
          <cell r="F240" t="str">
            <v>NS形　タッピンネジ式</v>
          </cell>
          <cell r="G240" t="str">
            <v>口</v>
          </cell>
          <cell r="H240">
            <v>1800</v>
          </cell>
          <cell r="J240" t="str">
            <v>施工　第0-0237号内訳表</v>
          </cell>
        </row>
        <row r="241">
          <cell r="B241">
            <v>238</v>
          </cell>
          <cell r="D241" t="str">
            <v>バタフライ弁設置工</v>
          </cell>
          <cell r="E241" t="str">
            <v>φ1000</v>
          </cell>
          <cell r="G241" t="str">
            <v>基</v>
          </cell>
          <cell r="H241">
            <v>126000</v>
          </cell>
          <cell r="J241" t="str">
            <v>施工　第0-0238号内訳表</v>
          </cell>
        </row>
        <row r="242">
          <cell r="B242">
            <v>239</v>
          </cell>
          <cell r="D242" t="str">
            <v>バタフライ弁設置工</v>
          </cell>
          <cell r="E242" t="str">
            <v>φ800</v>
          </cell>
          <cell r="G242" t="str">
            <v>基</v>
          </cell>
          <cell r="H242">
            <v>103000</v>
          </cell>
          <cell r="J242" t="str">
            <v>施工　第0-0239号内訳表</v>
          </cell>
        </row>
        <row r="243">
          <cell r="B243">
            <v>240</v>
          </cell>
          <cell r="D243" t="str">
            <v>バタフライ弁設置工</v>
          </cell>
          <cell r="E243" t="str">
            <v>φ600</v>
          </cell>
          <cell r="G243" t="str">
            <v>基</v>
          </cell>
          <cell r="H243">
            <v>77000</v>
          </cell>
          <cell r="J243" t="str">
            <v>施工　第0-0240号内訳表</v>
          </cell>
        </row>
        <row r="244">
          <cell r="B244">
            <v>241</v>
          </cell>
          <cell r="D244" t="str">
            <v>仕切弁設置工</v>
          </cell>
          <cell r="E244" t="str">
            <v>φ400</v>
          </cell>
          <cell r="G244" t="str">
            <v>基</v>
          </cell>
          <cell r="H244">
            <v>35000</v>
          </cell>
          <cell r="J244" t="str">
            <v>施工　第0-0241号内訳表</v>
          </cell>
        </row>
        <row r="245">
          <cell r="B245">
            <v>242</v>
          </cell>
          <cell r="D245" t="str">
            <v>仕切弁設置工</v>
          </cell>
          <cell r="E245" t="str">
            <v>φ200</v>
          </cell>
          <cell r="G245" t="str">
            <v>基</v>
          </cell>
          <cell r="H245">
            <v>5500</v>
          </cell>
          <cell r="J245" t="str">
            <v>施工　第0-0242号内訳表</v>
          </cell>
        </row>
        <row r="246">
          <cell r="B246">
            <v>243</v>
          </cell>
          <cell r="D246" t="str">
            <v>伸縮可撓管設置工</v>
          </cell>
          <cell r="E246" t="str">
            <v>φ1000</v>
          </cell>
          <cell r="F246" t="str">
            <v>NS形 F-U δ＝200mm</v>
          </cell>
          <cell r="G246" t="str">
            <v>基</v>
          </cell>
          <cell r="H246">
            <v>63000</v>
          </cell>
          <cell r="J246" t="str">
            <v>施工　第0-0243号内訳表</v>
          </cell>
        </row>
        <row r="247">
          <cell r="B247">
            <v>244</v>
          </cell>
          <cell r="D247" t="str">
            <v>伸縮可撓管設置工</v>
          </cell>
          <cell r="E247" t="str">
            <v>φ1000</v>
          </cell>
          <cell r="F247" t="str">
            <v>NS形 F-S δ＝200mm</v>
          </cell>
          <cell r="G247" t="str">
            <v>基</v>
          </cell>
          <cell r="H247">
            <v>63000</v>
          </cell>
          <cell r="J247" t="str">
            <v>施工　第0-0244号内訳表</v>
          </cell>
        </row>
        <row r="248">
          <cell r="B248">
            <v>245</v>
          </cell>
          <cell r="D248" t="str">
            <v>伸縮可撓管設置工</v>
          </cell>
          <cell r="E248" t="str">
            <v>φ800</v>
          </cell>
          <cell r="F248" t="str">
            <v>NS形 F-U δ＝200mm</v>
          </cell>
          <cell r="G248" t="str">
            <v>基</v>
          </cell>
          <cell r="H248">
            <v>42000</v>
          </cell>
          <cell r="J248" t="str">
            <v>施工　第0-0245号内訳表</v>
          </cell>
        </row>
        <row r="249">
          <cell r="B249">
            <v>246</v>
          </cell>
          <cell r="D249" t="str">
            <v>伸縮可撓管設置工</v>
          </cell>
          <cell r="E249" t="str">
            <v>φ600</v>
          </cell>
          <cell r="F249" t="str">
            <v>NS形 F-U δ＝200mm</v>
          </cell>
          <cell r="G249" t="str">
            <v>基</v>
          </cell>
          <cell r="H249">
            <v>27000</v>
          </cell>
          <cell r="J249" t="str">
            <v>施工　第0-0246号内訳表</v>
          </cell>
        </row>
        <row r="250">
          <cell r="B250">
            <v>247</v>
          </cell>
          <cell r="D250" t="str">
            <v>伸縮可撓管設置工</v>
          </cell>
          <cell r="E250" t="str">
            <v>φ400</v>
          </cell>
          <cell r="F250" t="str">
            <v>NS形 F-U δ＝200mm</v>
          </cell>
          <cell r="G250" t="str">
            <v>基</v>
          </cell>
          <cell r="H250">
            <v>19000</v>
          </cell>
          <cell r="J250" t="str">
            <v>施工　第0-0247号内訳表</v>
          </cell>
        </row>
        <row r="251">
          <cell r="B251">
            <v>248</v>
          </cell>
          <cell r="D251" t="str">
            <v>伸縮可撓管設置工</v>
          </cell>
          <cell r="E251" t="str">
            <v>φ200</v>
          </cell>
          <cell r="F251" t="str">
            <v>GX形 F-U δ＝200mm</v>
          </cell>
          <cell r="G251" t="str">
            <v>基</v>
          </cell>
          <cell r="H251">
            <v>11000</v>
          </cell>
          <cell r="J251" t="str">
            <v>施工　第0-0248号内訳表</v>
          </cell>
        </row>
        <row r="252">
          <cell r="B252">
            <v>249</v>
          </cell>
          <cell r="D252" t="str">
            <v>管明示シート工</v>
          </cell>
          <cell r="E252" t="str">
            <v>150mm×50ｍ ダブル</v>
          </cell>
          <cell r="G252" t="str">
            <v>m</v>
          </cell>
          <cell r="H252">
            <v>190</v>
          </cell>
          <cell r="J252" t="str">
            <v>施工　第0-0249号内訳表</v>
          </cell>
          <cell r="L252">
            <v>132</v>
          </cell>
        </row>
        <row r="253">
          <cell r="B253">
            <v>250</v>
          </cell>
          <cell r="D253" t="str">
            <v>管明示テープ工</v>
          </cell>
          <cell r="E253" t="str">
            <v>φ1000×6000</v>
          </cell>
          <cell r="G253" t="str">
            <v>m</v>
          </cell>
          <cell r="H253">
            <v>100</v>
          </cell>
          <cell r="J253" t="str">
            <v>施工　第0-0250号内訳表</v>
          </cell>
          <cell r="L253">
            <v>50</v>
          </cell>
        </row>
        <row r="254">
          <cell r="B254">
            <v>251</v>
          </cell>
          <cell r="D254" t="str">
            <v>管明示テープ工</v>
          </cell>
          <cell r="E254" t="str">
            <v>φ800×6000</v>
          </cell>
          <cell r="G254" t="str">
            <v>m</v>
          </cell>
          <cell r="H254">
            <v>100</v>
          </cell>
          <cell r="J254" t="str">
            <v>施工　第0-0251号内訳表</v>
          </cell>
          <cell r="L254">
            <v>50</v>
          </cell>
        </row>
        <row r="255">
          <cell r="B255">
            <v>252</v>
          </cell>
          <cell r="D255" t="str">
            <v>管明示テープ工</v>
          </cell>
          <cell r="E255" t="str">
            <v>φ600×6000</v>
          </cell>
          <cell r="G255" t="str">
            <v>m</v>
          </cell>
          <cell r="H255">
            <v>80</v>
          </cell>
          <cell r="J255" t="str">
            <v>施工　第0-0252号内訳表</v>
          </cell>
          <cell r="L255">
            <v>50</v>
          </cell>
        </row>
        <row r="256">
          <cell r="B256">
            <v>253</v>
          </cell>
          <cell r="D256" t="str">
            <v>管明示テープ工</v>
          </cell>
          <cell r="E256" t="str">
            <v>φ400×6000</v>
          </cell>
          <cell r="G256" t="str">
            <v>m</v>
          </cell>
          <cell r="H256">
            <v>80</v>
          </cell>
          <cell r="J256" t="str">
            <v>施工　第0-0253号内訳表</v>
          </cell>
          <cell r="L256">
            <v>50</v>
          </cell>
        </row>
        <row r="257">
          <cell r="B257">
            <v>254</v>
          </cell>
          <cell r="D257" t="str">
            <v>管明示テープ工</v>
          </cell>
          <cell r="E257" t="str">
            <v>φ200×5000</v>
          </cell>
          <cell r="G257" t="str">
            <v>m</v>
          </cell>
          <cell r="H257">
            <v>70</v>
          </cell>
          <cell r="J257" t="str">
            <v>施工　第0-0254号内訳表</v>
          </cell>
          <cell r="L257">
            <v>50</v>
          </cell>
        </row>
        <row r="258">
          <cell r="B258">
            <v>255</v>
          </cell>
          <cell r="D258" t="str">
            <v>ポリエチレンスリーブ被覆工</v>
          </cell>
          <cell r="E258" t="str">
            <v>φ1000</v>
          </cell>
          <cell r="G258" t="str">
            <v>m</v>
          </cell>
          <cell r="H258">
            <v>3700</v>
          </cell>
          <cell r="J258" t="str">
            <v>施工　第0-0255号内訳表</v>
          </cell>
          <cell r="L258">
            <v>3152</v>
          </cell>
        </row>
        <row r="259">
          <cell r="B259">
            <v>256</v>
          </cell>
          <cell r="D259" t="str">
            <v>ポリエチレンスリーブ被覆工</v>
          </cell>
          <cell r="E259" t="str">
            <v>φ800</v>
          </cell>
          <cell r="G259" t="str">
            <v>m</v>
          </cell>
          <cell r="H259">
            <v>2600</v>
          </cell>
          <cell r="J259" t="str">
            <v>施工　第0-0256号内訳表</v>
          </cell>
          <cell r="L259">
            <v>2152</v>
          </cell>
        </row>
        <row r="260">
          <cell r="B260">
            <v>257</v>
          </cell>
          <cell r="D260" t="str">
            <v>ポリエチレンスリーブ被覆工</v>
          </cell>
          <cell r="E260" t="str">
            <v>φ600</v>
          </cell>
          <cell r="G260" t="str">
            <v>m</v>
          </cell>
          <cell r="H260">
            <v>1900</v>
          </cell>
          <cell r="J260" t="str">
            <v>施工　第0-0257号内訳表</v>
          </cell>
          <cell r="L260">
            <v>1562</v>
          </cell>
        </row>
        <row r="261">
          <cell r="B261">
            <v>258</v>
          </cell>
          <cell r="D261" t="str">
            <v>ポリエチレンスリーブ被覆工</v>
          </cell>
          <cell r="E261" t="str">
            <v>φ400</v>
          </cell>
          <cell r="G261" t="str">
            <v>m</v>
          </cell>
          <cell r="H261">
            <v>1300</v>
          </cell>
          <cell r="J261" t="str">
            <v>施工　第0-0258号内訳表</v>
          </cell>
          <cell r="L261">
            <v>1008</v>
          </cell>
        </row>
        <row r="262">
          <cell r="B262">
            <v>259</v>
          </cell>
          <cell r="D262" t="str">
            <v>ポリエチレンスリーブ被覆工</v>
          </cell>
          <cell r="E262" t="str">
            <v>φ200</v>
          </cell>
          <cell r="G262" t="str">
            <v>m</v>
          </cell>
          <cell r="H262">
            <v>870</v>
          </cell>
          <cell r="J262" t="str">
            <v>施工　第0-0259号内訳表</v>
          </cell>
          <cell r="L262">
            <v>728</v>
          </cell>
        </row>
        <row r="263">
          <cell r="B263">
            <v>260</v>
          </cell>
          <cell r="D263" t="str">
            <v>鋳鉄管切断工</v>
          </cell>
          <cell r="E263" t="str">
            <v>φ600</v>
          </cell>
          <cell r="G263" t="str">
            <v>口</v>
          </cell>
          <cell r="H263">
            <v>33000</v>
          </cell>
          <cell r="J263" t="str">
            <v>施工　第0-0260号内訳表</v>
          </cell>
        </row>
        <row r="264">
          <cell r="B264">
            <v>261</v>
          </cell>
          <cell r="D264" t="str">
            <v>機械掘削工</v>
          </cell>
          <cell r="E264" t="str">
            <v xml:space="preserve">クローラ型 排出ガス対策型(第1次基準値) </v>
          </cell>
          <cell r="F264" t="str">
            <v>山積0.45m3(平積0.35m3)</v>
          </cell>
          <cell r="G264" t="str">
            <v>m3</v>
          </cell>
          <cell r="H264">
            <v>1300</v>
          </cell>
          <cell r="J264" t="str">
            <v>施工　第0-0261号内訳表</v>
          </cell>
        </row>
        <row r="265">
          <cell r="B265">
            <v>262</v>
          </cell>
          <cell r="D265" t="str">
            <v>人力掘削工</v>
          </cell>
          <cell r="G265" t="str">
            <v>m3</v>
          </cell>
          <cell r="H265">
            <v>7000</v>
          </cell>
          <cell r="J265" t="str">
            <v>施工　第0-0262号内訳表</v>
          </cell>
        </row>
        <row r="266">
          <cell r="B266">
            <v>263</v>
          </cell>
          <cell r="D266" t="str">
            <v>機械埋戻し工</v>
          </cell>
          <cell r="E266" t="str">
            <v xml:space="preserve">クローラ型 排出ガス対策型(第1次基準値) </v>
          </cell>
          <cell r="F266" t="str">
            <v>山積0.45m3(平積0.35m3) 山砂</v>
          </cell>
          <cell r="G266" t="str">
            <v>m3</v>
          </cell>
          <cell r="H266">
            <v>7000</v>
          </cell>
          <cell r="J266" t="str">
            <v>施工　第0-0263号内訳表</v>
          </cell>
        </row>
        <row r="267">
          <cell r="B267">
            <v>264</v>
          </cell>
          <cell r="D267" t="str">
            <v>機械埋戻し工</v>
          </cell>
          <cell r="E267" t="str">
            <v xml:space="preserve">クローラ型 排出ガス対策型(第1次基準値) </v>
          </cell>
          <cell r="F267" t="str">
            <v>山積0.45m3(平積0.35m3) 在来土</v>
          </cell>
          <cell r="G267" t="str">
            <v>m3</v>
          </cell>
          <cell r="H267">
            <v>2200</v>
          </cell>
          <cell r="J267" t="str">
            <v>施工　第0-0264号内訳表</v>
          </cell>
        </row>
        <row r="268">
          <cell r="B268">
            <v>265</v>
          </cell>
          <cell r="D268" t="str">
            <v>軽量鋼矢板設置工</v>
          </cell>
          <cell r="E268" t="str">
            <v>矢板長3.0m以下</v>
          </cell>
          <cell r="G268" t="str">
            <v>m</v>
          </cell>
          <cell r="H268">
            <v>4800</v>
          </cell>
          <cell r="J268" t="str">
            <v>施工　第0-0265号内訳表</v>
          </cell>
        </row>
        <row r="269">
          <cell r="B269">
            <v>266</v>
          </cell>
          <cell r="D269" t="str">
            <v>軽量鋼矢板撤去工</v>
          </cell>
          <cell r="E269" t="str">
            <v>矢板長3.0m以下</v>
          </cell>
          <cell r="G269" t="str">
            <v>m</v>
          </cell>
          <cell r="H269">
            <v>2800</v>
          </cell>
          <cell r="J269" t="str">
            <v>施工　第0-0266号内訳表</v>
          </cell>
        </row>
        <row r="270">
          <cell r="B270">
            <v>267</v>
          </cell>
          <cell r="D270" t="str">
            <v>軽量鋼矢板設置工</v>
          </cell>
          <cell r="E270" t="str">
            <v>矢板長3.5m以下</v>
          </cell>
          <cell r="G270" t="str">
            <v>m</v>
          </cell>
          <cell r="H270">
            <v>5200</v>
          </cell>
          <cell r="J270" t="str">
            <v>施工　第0-0267号内訳表</v>
          </cell>
        </row>
        <row r="271">
          <cell r="B271">
            <v>268</v>
          </cell>
          <cell r="D271" t="str">
            <v>軽量鋼矢板撤去工</v>
          </cell>
          <cell r="E271" t="str">
            <v>矢板長3.5m以下</v>
          </cell>
          <cell r="G271" t="str">
            <v>m</v>
          </cell>
          <cell r="H271">
            <v>3000</v>
          </cell>
          <cell r="J271" t="str">
            <v>施工　第0-0268号内訳表</v>
          </cell>
        </row>
        <row r="272">
          <cell r="B272">
            <v>269</v>
          </cell>
          <cell r="D272" t="str">
            <v>軽量鋼矢板設置工</v>
          </cell>
          <cell r="E272" t="str">
            <v>矢板長4.0m以下</v>
          </cell>
          <cell r="G272" t="str">
            <v>m</v>
          </cell>
          <cell r="H272">
            <v>5600</v>
          </cell>
          <cell r="J272" t="str">
            <v>施工　第0-0269号内訳表</v>
          </cell>
        </row>
        <row r="273">
          <cell r="B273">
            <v>270</v>
          </cell>
          <cell r="D273" t="str">
            <v>軽量鋼矢板撤去工</v>
          </cell>
          <cell r="E273" t="str">
            <v>矢板長4.0m以下</v>
          </cell>
          <cell r="G273" t="str">
            <v>m</v>
          </cell>
          <cell r="H273">
            <v>3200</v>
          </cell>
          <cell r="J273" t="str">
            <v>施工　第0-0270号内訳表</v>
          </cell>
        </row>
        <row r="274">
          <cell r="B274">
            <v>271</v>
          </cell>
          <cell r="D274" t="str">
            <v>たて込み簡易土留建込工</v>
          </cell>
          <cell r="E274" t="str">
            <v>掘削深5.0m以下</v>
          </cell>
          <cell r="G274" t="str">
            <v>m</v>
          </cell>
          <cell r="H274">
            <v>4100</v>
          </cell>
          <cell r="J274" t="str">
            <v>施工　第0-0271号内訳表</v>
          </cell>
        </row>
        <row r="275">
          <cell r="B275">
            <v>272</v>
          </cell>
          <cell r="D275" t="str">
            <v>たて込み簡易土留引抜工</v>
          </cell>
          <cell r="E275" t="str">
            <v>掘削深5.0m以下</v>
          </cell>
          <cell r="G275" t="str">
            <v>m</v>
          </cell>
          <cell r="H275">
            <v>2600</v>
          </cell>
          <cell r="J275" t="str">
            <v>施工　第0-0272号内訳表</v>
          </cell>
        </row>
        <row r="276">
          <cell r="B276">
            <v>273</v>
          </cell>
          <cell r="D276" t="str">
            <v>支保材設置工</v>
          </cell>
          <cell r="E276" t="str">
            <v>2段</v>
          </cell>
          <cell r="F276" t="str">
            <v>3.5m以下</v>
          </cell>
          <cell r="G276" t="str">
            <v>m</v>
          </cell>
          <cell r="H276">
            <v>1800</v>
          </cell>
          <cell r="J276" t="str">
            <v>施工　第0-0273号内訳表</v>
          </cell>
        </row>
        <row r="277">
          <cell r="B277">
            <v>274</v>
          </cell>
          <cell r="D277" t="str">
            <v>支保材撤去工</v>
          </cell>
          <cell r="E277" t="str">
            <v>2段</v>
          </cell>
          <cell r="F277" t="str">
            <v>3.5m以下</v>
          </cell>
          <cell r="G277" t="str">
            <v>m</v>
          </cell>
          <cell r="H277">
            <v>1300</v>
          </cell>
          <cell r="J277" t="str">
            <v>施工　第0-0274号内訳表</v>
          </cell>
        </row>
        <row r="278">
          <cell r="B278">
            <v>275</v>
          </cell>
          <cell r="D278" t="str">
            <v>支保材設置工</v>
          </cell>
          <cell r="E278" t="str">
            <v>3段</v>
          </cell>
          <cell r="F278" t="str">
            <v>4.0m未満</v>
          </cell>
          <cell r="G278" t="str">
            <v>m</v>
          </cell>
          <cell r="H278">
            <v>3500</v>
          </cell>
          <cell r="J278" t="str">
            <v>施工　第0-0275号内訳表</v>
          </cell>
        </row>
        <row r="279">
          <cell r="B279">
            <v>276</v>
          </cell>
          <cell r="D279" t="str">
            <v>支保材撤去工</v>
          </cell>
          <cell r="E279" t="str">
            <v>3段</v>
          </cell>
          <cell r="F279" t="str">
            <v>4.0m未満</v>
          </cell>
          <cell r="G279" t="str">
            <v>m</v>
          </cell>
          <cell r="H279">
            <v>2600</v>
          </cell>
          <cell r="J279" t="str">
            <v>施工　第0-0276号内訳表</v>
          </cell>
          <cell r="L279">
            <v>0</v>
          </cell>
        </row>
        <row r="280">
          <cell r="B280">
            <v>277</v>
          </cell>
          <cell r="D280" t="str">
            <v>たて込み簡易土留建込工</v>
          </cell>
          <cell r="E280" t="str">
            <v>掘削深5.5m以下</v>
          </cell>
          <cell r="G280" t="str">
            <v>m</v>
          </cell>
          <cell r="H280">
            <v>5300</v>
          </cell>
          <cell r="J280" t="str">
            <v>施工　第0-0277号内訳表</v>
          </cell>
        </row>
        <row r="281">
          <cell r="B281">
            <v>278</v>
          </cell>
          <cell r="D281" t="str">
            <v>たて込み簡易土留引抜工</v>
          </cell>
          <cell r="E281" t="str">
            <v>掘削深5.5m以下</v>
          </cell>
          <cell r="G281" t="str">
            <v>m</v>
          </cell>
          <cell r="H281">
            <v>3100</v>
          </cell>
          <cell r="J281" t="str">
            <v>施工　第0-0278号内訳表</v>
          </cell>
        </row>
        <row r="282">
          <cell r="B282">
            <v>279</v>
          </cell>
          <cell r="D282" t="str">
            <v>通水試験工</v>
          </cell>
          <cell r="G282" t="str">
            <v>日</v>
          </cell>
          <cell r="H282">
            <v>121000</v>
          </cell>
          <cell r="J282" t="str">
            <v>施工　第0-0279号内訳表</v>
          </cell>
        </row>
        <row r="283">
          <cell r="B283">
            <v>280</v>
          </cell>
          <cell r="D283" t="str">
            <v>鋼管撤去工</v>
          </cell>
          <cell r="E283" t="str">
            <v>1000A</v>
          </cell>
          <cell r="G283" t="str">
            <v>m</v>
          </cell>
          <cell r="H283">
            <v>2100</v>
          </cell>
          <cell r="J283" t="str">
            <v>施工　第0-0280号内訳表</v>
          </cell>
        </row>
        <row r="284">
          <cell r="B284">
            <v>281</v>
          </cell>
          <cell r="D284" t="str">
            <v>既設管切断工</v>
          </cell>
          <cell r="E284" t="str">
            <v>鋼管　1000A</v>
          </cell>
          <cell r="G284" t="str">
            <v>口</v>
          </cell>
          <cell r="H284">
            <v>12600</v>
          </cell>
          <cell r="J284" t="str">
            <v>施工　第0-0281号内訳表</v>
          </cell>
        </row>
        <row r="285">
          <cell r="B285">
            <v>282</v>
          </cell>
          <cell r="H285">
            <v>0</v>
          </cell>
          <cell r="J285" t="str">
            <v>施工　第0-0282号内訳表</v>
          </cell>
        </row>
        <row r="286">
          <cell r="B286">
            <v>283</v>
          </cell>
          <cell r="H286">
            <v>0</v>
          </cell>
          <cell r="J286" t="str">
            <v>施工　第0-0283号内訳表</v>
          </cell>
        </row>
        <row r="287">
          <cell r="B287">
            <v>284</v>
          </cell>
          <cell r="H287">
            <v>0</v>
          </cell>
          <cell r="J287" t="str">
            <v>施工　第0-0284号内訳表</v>
          </cell>
        </row>
        <row r="288">
          <cell r="B288">
            <v>285</v>
          </cell>
          <cell r="H288">
            <v>0</v>
          </cell>
          <cell r="J288" t="str">
            <v>施工　第0-0285号内訳表</v>
          </cell>
        </row>
        <row r="289">
          <cell r="B289">
            <v>286</v>
          </cell>
          <cell r="H289">
            <v>0</v>
          </cell>
          <cell r="J289" t="str">
            <v>施工　第0-0286号内訳表</v>
          </cell>
        </row>
        <row r="290">
          <cell r="B290">
            <v>287</v>
          </cell>
          <cell r="H290">
            <v>0</v>
          </cell>
          <cell r="J290" t="str">
            <v>施工　第0-0287号内訳表</v>
          </cell>
        </row>
        <row r="291">
          <cell r="B291">
            <v>288</v>
          </cell>
          <cell r="H291">
            <v>0</v>
          </cell>
          <cell r="J291" t="str">
            <v>施工　第0-0288号内訳表</v>
          </cell>
        </row>
        <row r="292">
          <cell r="B292">
            <v>289</v>
          </cell>
          <cell r="H292">
            <v>0</v>
          </cell>
          <cell r="J292" t="str">
            <v>施工　第0-0289号内訳表</v>
          </cell>
        </row>
        <row r="293">
          <cell r="B293">
            <v>290</v>
          </cell>
          <cell r="H293">
            <v>0</v>
          </cell>
          <cell r="J293" t="str">
            <v>施工　第0-0290号内訳表</v>
          </cell>
        </row>
        <row r="294">
          <cell r="B294">
            <v>291</v>
          </cell>
          <cell r="H294">
            <v>0</v>
          </cell>
          <cell r="J294" t="str">
            <v>施工　第0-0291号内訳表</v>
          </cell>
        </row>
        <row r="295">
          <cell r="B295">
            <v>292</v>
          </cell>
          <cell r="H295">
            <v>0</v>
          </cell>
          <cell r="J295" t="str">
            <v>施工　第0-0292号内訳表</v>
          </cell>
        </row>
        <row r="296">
          <cell r="B296">
            <v>293</v>
          </cell>
          <cell r="H296">
            <v>0</v>
          </cell>
          <cell r="J296" t="str">
            <v>施工　第0-0293号内訳表</v>
          </cell>
        </row>
        <row r="297">
          <cell r="B297">
            <v>294</v>
          </cell>
          <cell r="H297">
            <v>0</v>
          </cell>
          <cell r="J297" t="str">
            <v>施工　第0-0294号内訳表</v>
          </cell>
        </row>
        <row r="298">
          <cell r="B298">
            <v>295</v>
          </cell>
          <cell r="H298">
            <v>0</v>
          </cell>
          <cell r="J298" t="str">
            <v>施工　第0-0295号内訳表</v>
          </cell>
        </row>
        <row r="299">
          <cell r="B299">
            <v>296</v>
          </cell>
          <cell r="H299">
            <v>0</v>
          </cell>
          <cell r="J299" t="str">
            <v>施工　第0-0296号内訳表</v>
          </cell>
        </row>
        <row r="300">
          <cell r="B300">
            <v>297</v>
          </cell>
          <cell r="H300">
            <v>0</v>
          </cell>
          <cell r="J300" t="str">
            <v>施工　第0-0297号内訳表</v>
          </cell>
        </row>
        <row r="301">
          <cell r="B301">
            <v>298</v>
          </cell>
          <cell r="H301">
            <v>0</v>
          </cell>
          <cell r="J301" t="str">
            <v>施工　第0-0298号内訳表</v>
          </cell>
        </row>
        <row r="302">
          <cell r="B302">
            <v>299</v>
          </cell>
          <cell r="H302">
            <v>0</v>
          </cell>
          <cell r="J302" t="str">
            <v>施工　第0-0299号内訳表</v>
          </cell>
        </row>
        <row r="303">
          <cell r="B303">
            <v>300</v>
          </cell>
          <cell r="H303">
            <v>0</v>
          </cell>
          <cell r="J303" t="str">
            <v>施工　第0-0300号内訳表</v>
          </cell>
        </row>
        <row r="304">
          <cell r="B304">
            <v>301</v>
          </cell>
          <cell r="D304" t="str">
            <v>鋼矢板賃料</v>
          </cell>
          <cell r="E304" t="str">
            <v>Ⅳ型　L=10m</v>
          </cell>
          <cell r="F304" t="str">
            <v>300日  76.1kg/m</v>
          </cell>
          <cell r="G304" t="str">
            <v>t・日</v>
          </cell>
          <cell r="H304">
            <v>80</v>
          </cell>
          <cell r="J304" t="str">
            <v>物価資料8月</v>
          </cell>
        </row>
        <row r="305">
          <cell r="B305">
            <v>302</v>
          </cell>
          <cell r="D305" t="str">
            <v>鋼矢板整備費</v>
          </cell>
          <cell r="E305" t="str">
            <v>Ⅳ型　L=10m</v>
          </cell>
          <cell r="F305" t="str">
            <v>76.1kg/m</v>
          </cell>
          <cell r="G305" t="str">
            <v>t</v>
          </cell>
          <cell r="H305">
            <v>3000</v>
          </cell>
          <cell r="J305" t="str">
            <v>物価資料8月</v>
          </cell>
        </row>
        <row r="306">
          <cell r="B306">
            <v>303</v>
          </cell>
          <cell r="D306" t="str">
            <v>鋼矢板運搬費</v>
          </cell>
          <cell r="E306" t="str">
            <v>L=12m以内</v>
          </cell>
          <cell r="F306" t="str">
            <v>20kmまで</v>
          </cell>
          <cell r="G306" t="str">
            <v>式</v>
          </cell>
          <cell r="H306">
            <v>1036000</v>
          </cell>
          <cell r="J306" t="str">
            <v>別紙計算書</v>
          </cell>
        </row>
        <row r="307">
          <cell r="B307">
            <v>304</v>
          </cell>
          <cell r="D307" t="str">
            <v>残土処分費</v>
          </cell>
          <cell r="G307" t="str">
            <v>m3</v>
          </cell>
          <cell r="H307">
            <v>1600</v>
          </cell>
          <cell r="J307" t="str">
            <v>柿町建設発生土処理場</v>
          </cell>
        </row>
        <row r="308">
          <cell r="B308">
            <v>305</v>
          </cell>
          <cell r="D308" t="str">
            <v>塩化ビニル管</v>
          </cell>
          <cell r="E308" t="str">
            <v>φ75(VU)</v>
          </cell>
          <cell r="F308" t="str">
            <v>L=4.0m</v>
          </cell>
          <cell r="G308" t="str">
            <v>本</v>
          </cell>
          <cell r="H308">
            <v>1200</v>
          </cell>
          <cell r="J308" t="str">
            <v>物価資料8月</v>
          </cell>
          <cell r="L308">
            <v>1200</v>
          </cell>
        </row>
        <row r="309">
          <cell r="B309">
            <v>306</v>
          </cell>
          <cell r="D309" t="str">
            <v>塩ビ用ソケット</v>
          </cell>
          <cell r="E309" t="str">
            <v>φ75(DV)</v>
          </cell>
          <cell r="G309" t="str">
            <v>個</v>
          </cell>
          <cell r="H309">
            <v>90</v>
          </cell>
          <cell r="J309" t="str">
            <v>物価資料8月</v>
          </cell>
          <cell r="L309">
            <v>90</v>
          </cell>
        </row>
        <row r="310">
          <cell r="B310">
            <v>307</v>
          </cell>
          <cell r="D310" t="str">
            <v>塩ビ用エルボ</v>
          </cell>
          <cell r="E310" t="str">
            <v>φ75(DV)</v>
          </cell>
          <cell r="G310" t="str">
            <v>個</v>
          </cell>
          <cell r="H310">
            <v>150</v>
          </cell>
          <cell r="J310" t="str">
            <v>物価資料8月</v>
          </cell>
          <cell r="L310">
            <v>150</v>
          </cell>
        </row>
        <row r="311">
          <cell r="B311">
            <v>308</v>
          </cell>
          <cell r="D311" t="str">
            <v>塩ビ用チーズ</v>
          </cell>
          <cell r="E311" t="str">
            <v>φ75(DV)</v>
          </cell>
          <cell r="G311" t="str">
            <v>個</v>
          </cell>
          <cell r="H311">
            <v>280</v>
          </cell>
          <cell r="J311" t="str">
            <v>物価資料8月</v>
          </cell>
          <cell r="L311">
            <v>280</v>
          </cell>
        </row>
        <row r="312">
          <cell r="B312">
            <v>309</v>
          </cell>
          <cell r="D312" t="str">
            <v>塩化ビニル管</v>
          </cell>
          <cell r="E312" t="str">
            <v>φ100(VU)</v>
          </cell>
          <cell r="F312" t="str">
            <v>L=4.0m</v>
          </cell>
          <cell r="G312" t="str">
            <v>本</v>
          </cell>
          <cell r="H312">
            <v>1300</v>
          </cell>
          <cell r="J312" t="str">
            <v>物価資料8月</v>
          </cell>
          <cell r="L312">
            <v>1300</v>
          </cell>
        </row>
        <row r="313">
          <cell r="B313">
            <v>310</v>
          </cell>
          <cell r="D313" t="str">
            <v>塩ビ用エルボ</v>
          </cell>
          <cell r="E313" t="str">
            <v>φ100(DV)</v>
          </cell>
          <cell r="G313" t="str">
            <v>個</v>
          </cell>
          <cell r="H313">
            <v>300</v>
          </cell>
          <cell r="J313" t="str">
            <v>物価資料8月</v>
          </cell>
          <cell r="L313">
            <v>300</v>
          </cell>
        </row>
        <row r="314">
          <cell r="B314">
            <v>311</v>
          </cell>
          <cell r="D314" t="str">
            <v>塩ビ用ソケット</v>
          </cell>
          <cell r="E314" t="str">
            <v>φ100(DV)</v>
          </cell>
          <cell r="G314" t="str">
            <v>個</v>
          </cell>
          <cell r="H314">
            <v>180</v>
          </cell>
          <cell r="J314" t="str">
            <v>物価資料8月</v>
          </cell>
          <cell r="L314">
            <v>180</v>
          </cell>
        </row>
        <row r="315">
          <cell r="B315">
            <v>312</v>
          </cell>
          <cell r="D315" t="str">
            <v>再生砕石</v>
          </cell>
          <cell r="E315" t="str">
            <v>RC-40</v>
          </cell>
          <cell r="G315" t="str">
            <v>m3</v>
          </cell>
          <cell r="H315">
            <v>2500</v>
          </cell>
          <cell r="J315" t="str">
            <v>新潟県単価</v>
          </cell>
        </row>
        <row r="316">
          <cell r="B316">
            <v>313</v>
          </cell>
          <cell r="D316" t="str">
            <v>ヒューム管(B型)</v>
          </cell>
          <cell r="E316" t="str">
            <v>外圧管1種</v>
          </cell>
          <cell r="F316" t="str">
            <v>φ350 L=2.0m</v>
          </cell>
          <cell r="G316" t="str">
            <v>本</v>
          </cell>
          <cell r="H316">
            <v>4500</v>
          </cell>
          <cell r="J316" t="str">
            <v>物価資料8月</v>
          </cell>
          <cell r="L316">
            <v>4500</v>
          </cell>
        </row>
        <row r="317">
          <cell r="B317">
            <v>314</v>
          </cell>
          <cell r="D317" t="str">
            <v>ダクタイル鋳鉄管　直管</v>
          </cell>
          <cell r="E317" t="str">
            <v>NS形 φ800</v>
          </cell>
          <cell r="F317" t="str">
            <v>S種管　内面紛体塗装</v>
          </cell>
          <cell r="G317" t="str">
            <v>本</v>
          </cell>
          <cell r="H317">
            <v>729000</v>
          </cell>
          <cell r="J317" t="str">
            <v>ｶﾀﾛｸﾞ</v>
          </cell>
          <cell r="L317">
            <v>729000</v>
          </cell>
        </row>
        <row r="318">
          <cell r="B318">
            <v>315</v>
          </cell>
          <cell r="D318" t="str">
            <v>ダクタイル鋳鉄異形管 45°曲管</v>
          </cell>
          <cell r="E318" t="str">
            <v>NS形 φ800</v>
          </cell>
          <cell r="G318" t="str">
            <v>個</v>
          </cell>
          <cell r="H318">
            <v>635000</v>
          </cell>
          <cell r="J318" t="str">
            <v>ｶﾀﾛｸﾞ</v>
          </cell>
          <cell r="L318">
            <v>635000</v>
          </cell>
        </row>
        <row r="319">
          <cell r="B319">
            <v>316</v>
          </cell>
          <cell r="D319" t="str">
            <v>ダクタイル鋳鉄異形管 継輪</v>
          </cell>
          <cell r="E319" t="str">
            <v>NS形 φ800</v>
          </cell>
          <cell r="G319" t="str">
            <v>個</v>
          </cell>
          <cell r="H319">
            <v>653000</v>
          </cell>
          <cell r="J319" t="str">
            <v>ｶﾀﾛｸﾞ</v>
          </cell>
          <cell r="L319">
            <v>653000</v>
          </cell>
        </row>
        <row r="320">
          <cell r="B320">
            <v>317</v>
          </cell>
          <cell r="D320" t="str">
            <v>ダクタイル鋳鉄異形管 短管1号</v>
          </cell>
          <cell r="E320" t="str">
            <v>NS形 φ800</v>
          </cell>
          <cell r="F320" t="str">
            <v>7.5K</v>
          </cell>
          <cell r="G320" t="str">
            <v>個</v>
          </cell>
          <cell r="H320">
            <v>430000</v>
          </cell>
          <cell r="J320" t="str">
            <v>ｶﾀﾛｸﾞ</v>
          </cell>
          <cell r="L320">
            <v>430000</v>
          </cell>
        </row>
        <row r="321">
          <cell r="B321">
            <v>318</v>
          </cell>
          <cell r="D321" t="str">
            <v>ダクタイル鋳鉄異形管 ライナ</v>
          </cell>
          <cell r="E321" t="str">
            <v>NS形 φ800</v>
          </cell>
          <cell r="F321" t="str">
            <v>リベットタイプ</v>
          </cell>
          <cell r="G321" t="str">
            <v>個</v>
          </cell>
          <cell r="H321">
            <v>72000</v>
          </cell>
          <cell r="J321" t="str">
            <v>ｶﾀﾛｸﾞ</v>
          </cell>
          <cell r="L321">
            <v>72000</v>
          </cell>
        </row>
        <row r="322">
          <cell r="B322">
            <v>319</v>
          </cell>
          <cell r="D322" t="str">
            <v>ダクタイル鋳鉄異形管 挿口リング</v>
          </cell>
          <cell r="E322" t="str">
            <v>NS形 φ800</v>
          </cell>
          <cell r="F322" t="str">
            <v>リベットタイプ</v>
          </cell>
          <cell r="G322" t="str">
            <v>組</v>
          </cell>
          <cell r="H322">
            <v>44000</v>
          </cell>
          <cell r="J322" t="str">
            <v>ｶﾀﾛｸﾞ</v>
          </cell>
          <cell r="L322">
            <v>44000</v>
          </cell>
        </row>
        <row r="323">
          <cell r="B323">
            <v>320</v>
          </cell>
          <cell r="D323" t="str">
            <v>フランジ継手材</v>
          </cell>
          <cell r="E323" t="str">
            <v>GF φ800 7.5K</v>
          </cell>
          <cell r="F323" t="str">
            <v>SUS304</v>
          </cell>
          <cell r="G323" t="str">
            <v>組</v>
          </cell>
          <cell r="H323">
            <v>105000</v>
          </cell>
          <cell r="J323" t="str">
            <v>ｶﾀﾛｸﾞ</v>
          </cell>
          <cell r="L323">
            <v>105000</v>
          </cell>
        </row>
        <row r="324">
          <cell r="B324">
            <v>321</v>
          </cell>
          <cell r="D324" t="str">
            <v>ダクタイル鋳鉄製伸縮可撓管</v>
          </cell>
          <cell r="E324" t="str">
            <v>NS形 φ800</v>
          </cell>
          <cell r="F324" t="str">
            <v>F-U δ＝200mm</v>
          </cell>
          <cell r="G324" t="str">
            <v>基</v>
          </cell>
          <cell r="H324">
            <v>6248000</v>
          </cell>
          <cell r="J324" t="str">
            <v>ｶﾀﾛｸﾞ</v>
          </cell>
          <cell r="L324">
            <v>6248000</v>
          </cell>
        </row>
        <row r="325">
          <cell r="B325">
            <v>322</v>
          </cell>
          <cell r="D325" t="str">
            <v>バタフライ弁</v>
          </cell>
          <cell r="E325" t="str">
            <v>φ800</v>
          </cell>
          <cell r="G325" t="str">
            <v>基</v>
          </cell>
          <cell r="H325">
            <v>5896000</v>
          </cell>
          <cell r="J325" t="str">
            <v>ｶﾀﾛｸﾞ</v>
          </cell>
          <cell r="L325">
            <v>5896000</v>
          </cell>
        </row>
        <row r="326">
          <cell r="B326">
            <v>323</v>
          </cell>
          <cell r="D326" t="str">
            <v>ダクタイル鋳鉄管　直管</v>
          </cell>
          <cell r="E326" t="str">
            <v>NS形 φ600</v>
          </cell>
          <cell r="F326" t="str">
            <v>S種管　内面紛体塗装</v>
          </cell>
          <cell r="G326" t="str">
            <v>本</v>
          </cell>
          <cell r="H326">
            <v>460000</v>
          </cell>
          <cell r="J326" t="str">
            <v>ｶﾀﾛｸﾞ</v>
          </cell>
          <cell r="L326">
            <v>460000</v>
          </cell>
        </row>
        <row r="327">
          <cell r="B327">
            <v>324</v>
          </cell>
          <cell r="D327" t="str">
            <v>ダクタイル鋳鉄異形管 45°曲管</v>
          </cell>
          <cell r="E327" t="str">
            <v>NS形 φ600</v>
          </cell>
          <cell r="G327" t="str">
            <v>個</v>
          </cell>
          <cell r="H327">
            <v>336000</v>
          </cell>
          <cell r="J327" t="str">
            <v>ｶﾀﾛｸﾞ</v>
          </cell>
          <cell r="L327">
            <v>336000</v>
          </cell>
        </row>
        <row r="328">
          <cell r="B328">
            <v>325</v>
          </cell>
          <cell r="D328" t="str">
            <v>ダクタイル鋳鉄異形管 5°5/8曲管</v>
          </cell>
          <cell r="E328" t="str">
            <v>NS形 φ600</v>
          </cell>
          <cell r="G328" t="str">
            <v>個</v>
          </cell>
          <cell r="H328">
            <v>327000</v>
          </cell>
          <cell r="J328" t="str">
            <v>ｶﾀﾛｸﾞ</v>
          </cell>
          <cell r="L328">
            <v>327000</v>
          </cell>
        </row>
        <row r="329">
          <cell r="B329">
            <v>326</v>
          </cell>
          <cell r="D329" t="str">
            <v>ダクタイル鋳鉄異形管 二受T字管</v>
          </cell>
          <cell r="E329" t="str">
            <v>NS形 φ600×φ600</v>
          </cell>
          <cell r="G329" t="str">
            <v>個</v>
          </cell>
          <cell r="H329">
            <v>649000</v>
          </cell>
          <cell r="J329" t="str">
            <v>ｶﾀﾛｸﾞ</v>
          </cell>
          <cell r="L329">
            <v>649000</v>
          </cell>
        </row>
        <row r="330">
          <cell r="B330">
            <v>327</v>
          </cell>
          <cell r="D330" t="str">
            <v>ダクタイル鋳鉄異形管 継輪</v>
          </cell>
          <cell r="E330" t="str">
            <v>NS形 φ600</v>
          </cell>
          <cell r="G330" t="str">
            <v>個</v>
          </cell>
          <cell r="H330">
            <v>348000</v>
          </cell>
          <cell r="J330" t="str">
            <v>ｶﾀﾛｸﾞ</v>
          </cell>
          <cell r="L330">
            <v>348000</v>
          </cell>
        </row>
        <row r="331">
          <cell r="B331">
            <v>328</v>
          </cell>
          <cell r="D331" t="str">
            <v>ダクタイル鋳鉄異形管 短管1号</v>
          </cell>
          <cell r="E331" t="str">
            <v>NS形 φ600</v>
          </cell>
          <cell r="F331" t="str">
            <v>7.5K</v>
          </cell>
          <cell r="G331" t="str">
            <v>個</v>
          </cell>
          <cell r="H331">
            <v>245000</v>
          </cell>
          <cell r="J331" t="str">
            <v>ｶﾀﾛｸﾞ</v>
          </cell>
          <cell r="L331">
            <v>245000</v>
          </cell>
        </row>
        <row r="332">
          <cell r="B332">
            <v>329</v>
          </cell>
          <cell r="D332" t="str">
            <v>ダクタイル鋳鉄異形管 ライナ</v>
          </cell>
          <cell r="E332" t="str">
            <v>NS形 φ600</v>
          </cell>
          <cell r="F332" t="str">
            <v>リベットタイプ</v>
          </cell>
          <cell r="G332" t="str">
            <v>個</v>
          </cell>
          <cell r="H332">
            <v>53000</v>
          </cell>
          <cell r="J332" t="str">
            <v>ｶﾀﾛｸﾞ</v>
          </cell>
          <cell r="L332">
            <v>53000</v>
          </cell>
        </row>
        <row r="333">
          <cell r="B333">
            <v>330</v>
          </cell>
          <cell r="D333" t="str">
            <v>ダクタイル鋳鉄異形管 挿口リング</v>
          </cell>
          <cell r="E333" t="str">
            <v>NS形 φ600</v>
          </cell>
          <cell r="F333" t="str">
            <v>リベットタイプ</v>
          </cell>
          <cell r="G333" t="str">
            <v>組</v>
          </cell>
          <cell r="H333">
            <v>34000</v>
          </cell>
          <cell r="J333" t="str">
            <v>ｶﾀﾛｸﾞ</v>
          </cell>
          <cell r="L333">
            <v>34000</v>
          </cell>
        </row>
        <row r="334">
          <cell r="B334">
            <v>331</v>
          </cell>
          <cell r="D334" t="str">
            <v>フランジ継手材</v>
          </cell>
          <cell r="E334" t="str">
            <v>GF φ600 7.5K</v>
          </cell>
          <cell r="F334" t="str">
            <v>SUS304</v>
          </cell>
          <cell r="G334" t="str">
            <v>組</v>
          </cell>
          <cell r="H334">
            <v>54000</v>
          </cell>
          <cell r="J334" t="str">
            <v>ｶﾀﾛｸﾞ</v>
          </cell>
          <cell r="L334">
            <v>54000</v>
          </cell>
        </row>
        <row r="335">
          <cell r="B335">
            <v>332</v>
          </cell>
          <cell r="D335" t="str">
            <v>ダクタイル鋳鉄製伸縮可撓管</v>
          </cell>
          <cell r="E335" t="str">
            <v>NS形 φ600</v>
          </cell>
          <cell r="F335" t="str">
            <v>F-U δ＝200mm</v>
          </cell>
          <cell r="G335" t="str">
            <v>基</v>
          </cell>
          <cell r="H335">
            <v>3223000</v>
          </cell>
          <cell r="J335" t="str">
            <v>ｶﾀﾛｸﾞ</v>
          </cell>
          <cell r="L335">
            <v>3223000</v>
          </cell>
        </row>
        <row r="336">
          <cell r="B336">
            <v>333</v>
          </cell>
          <cell r="D336" t="str">
            <v>ダクタイル鋳鉄管　直管</v>
          </cell>
          <cell r="E336" t="str">
            <v>NS形 φ1000</v>
          </cell>
          <cell r="F336" t="str">
            <v>S種管　内面紛体塗装</v>
          </cell>
          <cell r="G336" t="str">
            <v>本</v>
          </cell>
          <cell r="H336">
            <v>1009000</v>
          </cell>
          <cell r="J336" t="str">
            <v>ｶﾀﾛｸﾞ</v>
          </cell>
          <cell r="L336">
            <v>1009000</v>
          </cell>
        </row>
        <row r="337">
          <cell r="B337">
            <v>334</v>
          </cell>
          <cell r="D337" t="str">
            <v>ダクタイル鋳鉄異形管 45°曲管</v>
          </cell>
          <cell r="E337" t="str">
            <v>NS形 φ1000</v>
          </cell>
          <cell r="G337" t="str">
            <v>個</v>
          </cell>
          <cell r="H337">
            <v>1059000</v>
          </cell>
          <cell r="J337" t="str">
            <v>ｶﾀﾛｸﾞ</v>
          </cell>
          <cell r="L337">
            <v>1059000</v>
          </cell>
        </row>
        <row r="338">
          <cell r="B338">
            <v>335</v>
          </cell>
          <cell r="D338" t="str">
            <v>ダクタイル鋳鉄異形管 22°1/2曲管</v>
          </cell>
          <cell r="E338" t="str">
            <v>NS形 φ1000</v>
          </cell>
          <cell r="G338" t="str">
            <v>個</v>
          </cell>
          <cell r="H338">
            <v>1021000</v>
          </cell>
          <cell r="J338" t="str">
            <v>ｶﾀﾛｸﾞ</v>
          </cell>
          <cell r="L338">
            <v>1021000</v>
          </cell>
        </row>
        <row r="339">
          <cell r="B339">
            <v>336</v>
          </cell>
          <cell r="D339" t="str">
            <v>ダクタイル鋳鉄異形管 継輪</v>
          </cell>
          <cell r="E339" t="str">
            <v>NS形 φ1000</v>
          </cell>
          <cell r="G339" t="str">
            <v>個</v>
          </cell>
          <cell r="H339">
            <v>939000</v>
          </cell>
          <cell r="J339" t="str">
            <v>ｶﾀﾛｸﾞ</v>
          </cell>
          <cell r="L339">
            <v>939000</v>
          </cell>
        </row>
        <row r="340">
          <cell r="B340">
            <v>337</v>
          </cell>
          <cell r="D340" t="str">
            <v>ダクタイル鋳鉄異形管 短管1号</v>
          </cell>
          <cell r="E340" t="str">
            <v>NS形 φ1000</v>
          </cell>
          <cell r="F340" t="str">
            <v>7.5K</v>
          </cell>
          <cell r="G340" t="str">
            <v>個</v>
          </cell>
          <cell r="H340">
            <v>632000</v>
          </cell>
          <cell r="J340" t="str">
            <v>ｶﾀﾛｸﾞ</v>
          </cell>
          <cell r="L340">
            <v>632000</v>
          </cell>
        </row>
        <row r="341">
          <cell r="B341">
            <v>338</v>
          </cell>
          <cell r="D341" t="str">
            <v>ダクタイル鋳鉄異形管 短管2号</v>
          </cell>
          <cell r="E341" t="str">
            <v>NS形 φ1000</v>
          </cell>
          <cell r="F341" t="str">
            <v>7.5K</v>
          </cell>
          <cell r="G341" t="str">
            <v>個</v>
          </cell>
          <cell r="H341">
            <v>486000</v>
          </cell>
          <cell r="J341" t="str">
            <v>ｶﾀﾛｸﾞ</v>
          </cell>
          <cell r="L341">
            <v>486000</v>
          </cell>
        </row>
        <row r="342">
          <cell r="B342">
            <v>339</v>
          </cell>
          <cell r="D342" t="str">
            <v>ダクタイル鋳鉄異形管 ライナ</v>
          </cell>
          <cell r="E342" t="str">
            <v>NS形 φ1000</v>
          </cell>
          <cell r="F342" t="str">
            <v>リベットタイプ</v>
          </cell>
          <cell r="G342" t="str">
            <v>個</v>
          </cell>
          <cell r="H342">
            <v>91000</v>
          </cell>
          <cell r="J342" t="str">
            <v>ｶﾀﾛｸﾞ</v>
          </cell>
          <cell r="L342">
            <v>91000</v>
          </cell>
        </row>
        <row r="343">
          <cell r="B343">
            <v>340</v>
          </cell>
          <cell r="D343" t="str">
            <v>ダクタイル鋳鉄異形管 挿口リング</v>
          </cell>
          <cell r="E343" t="str">
            <v>NS形 φ1000</v>
          </cell>
          <cell r="F343" t="str">
            <v>リベットタイプ</v>
          </cell>
          <cell r="G343" t="str">
            <v>組</v>
          </cell>
          <cell r="H343">
            <v>54000</v>
          </cell>
          <cell r="J343" t="str">
            <v>ｶﾀﾛｸﾞ</v>
          </cell>
          <cell r="L343">
            <v>54000</v>
          </cell>
        </row>
        <row r="344">
          <cell r="B344">
            <v>341</v>
          </cell>
          <cell r="D344" t="str">
            <v>フランジ継手材</v>
          </cell>
          <cell r="E344" t="str">
            <v>GF φ1000 7.5K</v>
          </cell>
          <cell r="F344" t="str">
            <v>SUS304</v>
          </cell>
          <cell r="G344" t="str">
            <v>組</v>
          </cell>
          <cell r="H344">
            <v>130000</v>
          </cell>
          <cell r="J344" t="str">
            <v>ｶﾀﾛｸﾞ</v>
          </cell>
          <cell r="L344">
            <v>130000</v>
          </cell>
        </row>
        <row r="345">
          <cell r="B345">
            <v>342</v>
          </cell>
          <cell r="D345" t="str">
            <v>ダクタイル鋳鉄製伸縮可撓管</v>
          </cell>
          <cell r="E345" t="str">
            <v>NS形 φ1000</v>
          </cell>
          <cell r="F345" t="str">
            <v>F-S δ＝200mm</v>
          </cell>
          <cell r="G345" t="str">
            <v>基</v>
          </cell>
          <cell r="H345">
            <v>11032000</v>
          </cell>
          <cell r="J345" t="str">
            <v>ｶﾀﾛｸﾞ</v>
          </cell>
          <cell r="L345">
            <v>11032000</v>
          </cell>
        </row>
        <row r="346">
          <cell r="B346">
            <v>343</v>
          </cell>
          <cell r="D346" t="str">
            <v>ダクタイル鋳鉄製伸縮可撓管</v>
          </cell>
          <cell r="E346" t="str">
            <v>NS形 φ1000</v>
          </cell>
          <cell r="F346" t="str">
            <v>F-U δ＝200mm</v>
          </cell>
          <cell r="G346" t="str">
            <v>基</v>
          </cell>
          <cell r="H346">
            <v>11911000</v>
          </cell>
          <cell r="J346" t="str">
            <v>ｶﾀﾛｸﾞ</v>
          </cell>
          <cell r="L346">
            <v>11911000</v>
          </cell>
        </row>
        <row r="347">
          <cell r="B347">
            <v>344</v>
          </cell>
          <cell r="D347" t="str">
            <v>バタフライ弁</v>
          </cell>
          <cell r="E347" t="str">
            <v>φ1000</v>
          </cell>
          <cell r="G347" t="str">
            <v>基</v>
          </cell>
          <cell r="H347">
            <v>8758000</v>
          </cell>
          <cell r="J347" t="str">
            <v>ｶﾀﾛｸﾞ</v>
          </cell>
          <cell r="L347">
            <v>8758000</v>
          </cell>
        </row>
        <row r="348">
          <cell r="B348">
            <v>345</v>
          </cell>
          <cell r="D348" t="str">
            <v>ダクタイル鋳鉄管　直管</v>
          </cell>
          <cell r="E348" t="str">
            <v>NS形 φ400</v>
          </cell>
          <cell r="F348" t="str">
            <v>1種管　内面紛体塗装</v>
          </cell>
          <cell r="G348" t="str">
            <v>本</v>
          </cell>
          <cell r="H348">
            <v>236000</v>
          </cell>
          <cell r="J348" t="str">
            <v>物価資料8月</v>
          </cell>
          <cell r="L348">
            <v>236000</v>
          </cell>
        </row>
        <row r="349">
          <cell r="B349">
            <v>346</v>
          </cell>
          <cell r="D349" t="str">
            <v>ダクタイル鋳鉄管　直管</v>
          </cell>
          <cell r="E349" t="str">
            <v>NS形 φ400</v>
          </cell>
          <cell r="F349" t="str">
            <v>3種管　内面紛体塗装</v>
          </cell>
          <cell r="G349" t="str">
            <v>本</v>
          </cell>
          <cell r="H349">
            <v>209000</v>
          </cell>
          <cell r="J349" t="str">
            <v>物価資料8月</v>
          </cell>
          <cell r="L349">
            <v>209000</v>
          </cell>
        </row>
        <row r="350">
          <cell r="B350">
            <v>347</v>
          </cell>
          <cell r="D350" t="str">
            <v>ダクタイル鋳鉄異形管 45°曲管</v>
          </cell>
          <cell r="E350" t="str">
            <v>NS形 φ400</v>
          </cell>
          <cell r="G350" t="str">
            <v>個</v>
          </cell>
          <cell r="H350">
            <v>126000</v>
          </cell>
          <cell r="J350" t="str">
            <v>物価資料8月</v>
          </cell>
          <cell r="L350">
            <v>126000</v>
          </cell>
        </row>
        <row r="351">
          <cell r="B351">
            <v>348</v>
          </cell>
          <cell r="D351" t="str">
            <v>ダクタイル鋳鉄異形管 二受T字管</v>
          </cell>
          <cell r="E351" t="str">
            <v>NS形 φ400×φ300</v>
          </cell>
          <cell r="G351" t="str">
            <v>個</v>
          </cell>
          <cell r="H351">
            <v>189000</v>
          </cell>
          <cell r="J351" t="str">
            <v>物価資料8月</v>
          </cell>
          <cell r="L351">
            <v>189000</v>
          </cell>
        </row>
        <row r="352">
          <cell r="B352">
            <v>349</v>
          </cell>
          <cell r="D352" t="str">
            <v>ダクタイル鋳鉄異形管 継輪</v>
          </cell>
          <cell r="E352" t="str">
            <v>NS形 φ400</v>
          </cell>
          <cell r="G352" t="str">
            <v>個</v>
          </cell>
          <cell r="H352">
            <v>171000</v>
          </cell>
          <cell r="J352" t="str">
            <v>物価資料8月</v>
          </cell>
          <cell r="L352">
            <v>171000</v>
          </cell>
        </row>
        <row r="353">
          <cell r="B353">
            <v>350</v>
          </cell>
          <cell r="D353" t="str">
            <v>ダクタイル鋳鉄異形管 短管1号</v>
          </cell>
          <cell r="E353" t="str">
            <v>NS形 φ400</v>
          </cell>
          <cell r="G353" t="str">
            <v>個</v>
          </cell>
          <cell r="H353">
            <v>102000</v>
          </cell>
          <cell r="J353" t="str">
            <v>物価資料8月</v>
          </cell>
          <cell r="L353">
            <v>102000</v>
          </cell>
        </row>
        <row r="354">
          <cell r="B354">
            <v>351</v>
          </cell>
          <cell r="D354" t="str">
            <v>ダクタイル鋳鉄異形管 挿受片落管</v>
          </cell>
          <cell r="E354" t="str">
            <v>NS形 φ300×φ200</v>
          </cell>
          <cell r="G354" t="str">
            <v>個</v>
          </cell>
          <cell r="H354">
            <v>63000</v>
          </cell>
          <cell r="J354" t="str">
            <v>物価資料8月</v>
          </cell>
          <cell r="L354">
            <v>63000</v>
          </cell>
        </row>
        <row r="355">
          <cell r="B355">
            <v>352</v>
          </cell>
          <cell r="D355" t="str">
            <v>ダクタイル鋳鉄異形管 ライナ</v>
          </cell>
          <cell r="E355" t="str">
            <v>NS形 φ400</v>
          </cell>
          <cell r="G355" t="str">
            <v>個</v>
          </cell>
          <cell r="H355">
            <v>28000</v>
          </cell>
          <cell r="J355" t="str">
            <v>物価資料8月</v>
          </cell>
          <cell r="L355">
            <v>28000</v>
          </cell>
        </row>
        <row r="356">
          <cell r="B356">
            <v>353</v>
          </cell>
          <cell r="D356" t="str">
            <v>ダクタイル鋳鉄異形管 挿口リング</v>
          </cell>
          <cell r="E356" t="str">
            <v>NS形 φ400</v>
          </cell>
          <cell r="F356" t="str">
            <v>タッピンネジタイプ</v>
          </cell>
          <cell r="G356" t="str">
            <v>組</v>
          </cell>
          <cell r="H356">
            <v>14000</v>
          </cell>
          <cell r="J356" t="str">
            <v>物価資料8月</v>
          </cell>
          <cell r="L356">
            <v>14000</v>
          </cell>
        </row>
        <row r="357">
          <cell r="B357">
            <v>354</v>
          </cell>
          <cell r="D357" t="str">
            <v>フランジ継手材</v>
          </cell>
          <cell r="E357" t="str">
            <v>GF φ400 7.5K</v>
          </cell>
          <cell r="F357" t="str">
            <v>SUS304</v>
          </cell>
          <cell r="G357" t="str">
            <v>組</v>
          </cell>
          <cell r="H357">
            <v>30000</v>
          </cell>
          <cell r="J357" t="str">
            <v>ｶﾀﾛｸﾞ</v>
          </cell>
          <cell r="L357">
            <v>30000</v>
          </cell>
        </row>
        <row r="358">
          <cell r="B358">
            <v>355</v>
          </cell>
          <cell r="D358" t="str">
            <v>ダクタイル鋳鉄製伸縮可撓管</v>
          </cell>
          <cell r="E358" t="str">
            <v>NS形 φ400</v>
          </cell>
          <cell r="F358" t="str">
            <v>F-U δ＝200mm</v>
          </cell>
          <cell r="G358" t="str">
            <v>基</v>
          </cell>
          <cell r="H358">
            <v>1684000</v>
          </cell>
          <cell r="J358" t="str">
            <v>ｶﾀﾛｸﾞ</v>
          </cell>
          <cell r="L358">
            <v>1684000</v>
          </cell>
        </row>
        <row r="359">
          <cell r="B359">
            <v>356</v>
          </cell>
          <cell r="D359" t="str">
            <v>ダクタイル鋳鉄管　直管</v>
          </cell>
          <cell r="E359" t="str">
            <v>GX形 φ200</v>
          </cell>
          <cell r="F359" t="str">
            <v>S種管　内面紛体塗装</v>
          </cell>
          <cell r="G359" t="str">
            <v>本</v>
          </cell>
          <cell r="H359">
            <v>67000</v>
          </cell>
          <cell r="J359" t="str">
            <v>物価資料8月</v>
          </cell>
          <cell r="L359">
            <v>67000</v>
          </cell>
        </row>
        <row r="360">
          <cell r="B360">
            <v>357</v>
          </cell>
          <cell r="D360" t="str">
            <v>ダクタイル鋳鉄異形管 45°曲管</v>
          </cell>
          <cell r="E360" t="str">
            <v>GX形 φ200</v>
          </cell>
          <cell r="G360" t="str">
            <v>個</v>
          </cell>
          <cell r="H360">
            <v>42000</v>
          </cell>
          <cell r="J360" t="str">
            <v>物価資料8月</v>
          </cell>
          <cell r="L360">
            <v>42000</v>
          </cell>
        </row>
        <row r="361">
          <cell r="B361">
            <v>358</v>
          </cell>
          <cell r="D361" t="str">
            <v>ダクタイル鋳鉄異形管 継輪</v>
          </cell>
          <cell r="E361" t="str">
            <v>GX形 φ200</v>
          </cell>
          <cell r="G361" t="str">
            <v>個</v>
          </cell>
          <cell r="H361">
            <v>73000</v>
          </cell>
          <cell r="J361" t="str">
            <v>物価資料8月</v>
          </cell>
          <cell r="L361">
            <v>73000</v>
          </cell>
        </row>
        <row r="362">
          <cell r="B362">
            <v>359</v>
          </cell>
          <cell r="D362" t="str">
            <v>ダクタイル鋳鉄異形管 ライナ</v>
          </cell>
          <cell r="E362" t="str">
            <v>GX形 φ200</v>
          </cell>
          <cell r="G362" t="str">
            <v>個</v>
          </cell>
          <cell r="H362">
            <v>3800</v>
          </cell>
          <cell r="J362" t="str">
            <v>物価資料8月</v>
          </cell>
          <cell r="L362">
            <v>3800</v>
          </cell>
        </row>
        <row r="363">
          <cell r="B363">
            <v>360</v>
          </cell>
          <cell r="D363" t="str">
            <v>フランジ継手材</v>
          </cell>
          <cell r="E363" t="str">
            <v>GF φ200 7.5K</v>
          </cell>
          <cell r="F363" t="str">
            <v>SUS304</v>
          </cell>
          <cell r="G363" t="str">
            <v>組</v>
          </cell>
          <cell r="H363">
            <v>9000</v>
          </cell>
          <cell r="J363" t="str">
            <v>ｶﾀﾛｸﾞ</v>
          </cell>
          <cell r="L363">
            <v>9000</v>
          </cell>
        </row>
        <row r="364">
          <cell r="B364">
            <v>361</v>
          </cell>
          <cell r="D364" t="str">
            <v>ダクタイル鋳鉄製伸縮可撓管</v>
          </cell>
          <cell r="E364" t="str">
            <v>GX形 φ200</v>
          </cell>
          <cell r="F364" t="str">
            <v>F-U δ＝200mm</v>
          </cell>
          <cell r="G364" t="str">
            <v>基</v>
          </cell>
          <cell r="H364">
            <v>752000</v>
          </cell>
          <cell r="J364" t="str">
            <v>ｶﾀﾛｸﾞ</v>
          </cell>
          <cell r="L364">
            <v>752000</v>
          </cell>
        </row>
        <row r="365">
          <cell r="B365">
            <v>362</v>
          </cell>
          <cell r="D365" t="str">
            <v>P-Link</v>
          </cell>
          <cell r="E365" t="str">
            <v>GX形 φ200</v>
          </cell>
          <cell r="G365" t="str">
            <v>組</v>
          </cell>
          <cell r="H365">
            <v>32000</v>
          </cell>
          <cell r="J365" t="str">
            <v>物価資料8月</v>
          </cell>
          <cell r="L365">
            <v>32000</v>
          </cell>
        </row>
        <row r="366">
          <cell r="B366">
            <v>363</v>
          </cell>
          <cell r="D366" t="str">
            <v>G-Link</v>
          </cell>
          <cell r="E366" t="str">
            <v>GX形 φ200</v>
          </cell>
          <cell r="G366" t="str">
            <v>組</v>
          </cell>
          <cell r="H366">
            <v>25000</v>
          </cell>
          <cell r="J366" t="str">
            <v>物価資料8月</v>
          </cell>
          <cell r="L366">
            <v>25000</v>
          </cell>
        </row>
        <row r="367">
          <cell r="B367">
            <v>364</v>
          </cell>
          <cell r="D367" t="str">
            <v>鋼矢板賃料</v>
          </cell>
          <cell r="E367" t="str">
            <v>Ⅳ型　L=14m</v>
          </cell>
          <cell r="F367" t="str">
            <v>30日  76.1kg/m</v>
          </cell>
          <cell r="G367" t="str">
            <v>t・日</v>
          </cell>
          <cell r="H367">
            <v>80</v>
          </cell>
          <cell r="J367" t="str">
            <v>物価資料8月</v>
          </cell>
        </row>
        <row r="368">
          <cell r="B368">
            <v>365</v>
          </cell>
          <cell r="D368" t="str">
            <v>鋼矢板整備費</v>
          </cell>
          <cell r="E368" t="str">
            <v>Ⅳ型　L=14m</v>
          </cell>
          <cell r="F368" t="str">
            <v>76.1kg/m</v>
          </cell>
          <cell r="G368" t="str">
            <v>t</v>
          </cell>
          <cell r="H368">
            <v>3000</v>
          </cell>
          <cell r="J368" t="str">
            <v>物価資料8月</v>
          </cell>
        </row>
        <row r="369">
          <cell r="B369">
            <v>366</v>
          </cell>
          <cell r="D369" t="str">
            <v>鋼矢板運搬費</v>
          </cell>
          <cell r="E369" t="str">
            <v>L=15m以内</v>
          </cell>
          <cell r="F369" t="str">
            <v>20kmまで</v>
          </cell>
          <cell r="G369" t="str">
            <v>式</v>
          </cell>
          <cell r="H369">
            <v>554000</v>
          </cell>
          <cell r="J369" t="str">
            <v>別紙計算書</v>
          </cell>
        </row>
        <row r="370">
          <cell r="B370">
            <v>367</v>
          </cell>
          <cell r="D370" t="str">
            <v>軽量鋼矢板・支保工損料</v>
          </cell>
          <cell r="G370" t="str">
            <v>式</v>
          </cell>
          <cell r="H370">
            <v>832000</v>
          </cell>
          <cell r="J370" t="str">
            <v>別紙計算書</v>
          </cell>
        </row>
        <row r="371">
          <cell r="B371">
            <v>368</v>
          </cell>
          <cell r="D371" t="str">
            <v>軽量鋼矢板整備費</v>
          </cell>
          <cell r="G371" t="str">
            <v>t</v>
          </cell>
          <cell r="H371">
            <v>0</v>
          </cell>
          <cell r="J371" t="str">
            <v>別紙計算書</v>
          </cell>
        </row>
        <row r="372">
          <cell r="B372">
            <v>369</v>
          </cell>
          <cell r="D372" t="str">
            <v>軽量鋼矢板運搬費</v>
          </cell>
          <cell r="G372" t="str">
            <v>式</v>
          </cell>
          <cell r="H372">
            <v>68000</v>
          </cell>
          <cell r="J372" t="str">
            <v>別紙計算書</v>
          </cell>
        </row>
        <row r="373">
          <cell r="B373">
            <v>370</v>
          </cell>
          <cell r="D373" t="str">
            <v>切梁・腹起し賃料</v>
          </cell>
          <cell r="G373" t="str">
            <v>t・日</v>
          </cell>
          <cell r="H373">
            <v>110</v>
          </cell>
          <cell r="J373" t="str">
            <v>物価資料8月</v>
          </cell>
        </row>
        <row r="374">
          <cell r="B374">
            <v>371</v>
          </cell>
          <cell r="D374" t="str">
            <v>切梁・腹起し損料</v>
          </cell>
          <cell r="G374" t="str">
            <v>t</v>
          </cell>
          <cell r="H374">
            <v>4000</v>
          </cell>
          <cell r="J374" t="str">
            <v>物価資料8月</v>
          </cell>
        </row>
        <row r="375">
          <cell r="B375">
            <v>372</v>
          </cell>
          <cell r="D375" t="str">
            <v>切梁・腹起し運搬費</v>
          </cell>
          <cell r="G375" t="str">
            <v>式</v>
          </cell>
          <cell r="H375">
            <v>0</v>
          </cell>
          <cell r="J375" t="str">
            <v>別紙計算書</v>
          </cell>
        </row>
        <row r="376">
          <cell r="B376">
            <v>373</v>
          </cell>
          <cell r="D376" t="str">
            <v>建込み簡易土留賃料</v>
          </cell>
          <cell r="G376" t="str">
            <v>ｍ2・日</v>
          </cell>
          <cell r="H376">
            <v>130</v>
          </cell>
          <cell r="J376" t="str">
            <v>物価資料8月</v>
          </cell>
        </row>
        <row r="377">
          <cell r="B377">
            <v>374</v>
          </cell>
          <cell r="D377" t="str">
            <v>建込み簡易土留整備費</v>
          </cell>
          <cell r="G377" t="str">
            <v>ｍ2</v>
          </cell>
          <cell r="H377">
            <v>280</v>
          </cell>
          <cell r="J377" t="str">
            <v>物価資料8月</v>
          </cell>
        </row>
        <row r="378">
          <cell r="B378">
            <v>375</v>
          </cell>
          <cell r="D378" t="str">
            <v>ダクタイル鋳鉄異形管接合材</v>
          </cell>
          <cell r="E378" t="str">
            <v>GX形 φ200</v>
          </cell>
          <cell r="G378" t="str">
            <v>組</v>
          </cell>
          <cell r="H378">
            <v>6400</v>
          </cell>
          <cell r="J378" t="str">
            <v>物価資料8月</v>
          </cell>
          <cell r="L378">
            <v>6400</v>
          </cell>
        </row>
        <row r="379">
          <cell r="B379">
            <v>376</v>
          </cell>
          <cell r="D379" t="str">
            <v>ソフトシール仕切弁</v>
          </cell>
          <cell r="E379" t="str">
            <v>GX形 φ200</v>
          </cell>
          <cell r="F379" t="str">
            <v>両受口ﾀｲﾌﾟ</v>
          </cell>
          <cell r="G379" t="str">
            <v>基</v>
          </cell>
          <cell r="H379">
            <v>215000</v>
          </cell>
          <cell r="J379" t="str">
            <v>物価資料8月</v>
          </cell>
          <cell r="L379">
            <v>215000</v>
          </cell>
        </row>
        <row r="380">
          <cell r="B380">
            <v>377</v>
          </cell>
          <cell r="D380" t="str">
            <v>足場工</v>
          </cell>
          <cell r="G380" t="str">
            <v>掛m2</v>
          </cell>
          <cell r="H380">
            <v>2000</v>
          </cell>
          <cell r="J380" t="str">
            <v>建築単価</v>
          </cell>
        </row>
        <row r="381">
          <cell r="B381">
            <v>378</v>
          </cell>
          <cell r="D381" t="str">
            <v>交通誘導員B</v>
          </cell>
          <cell r="G381" t="str">
            <v>人</v>
          </cell>
          <cell r="H381">
            <v>9800</v>
          </cell>
          <cell r="J381" t="str">
            <v>物価資料8月</v>
          </cell>
        </row>
        <row r="382">
          <cell r="B382">
            <v>379</v>
          </cell>
          <cell r="D382" t="str">
            <v>地盤の平板載荷試験</v>
          </cell>
          <cell r="E382" t="str">
            <v>50kN以内</v>
          </cell>
          <cell r="G382" t="str">
            <v>箇所</v>
          </cell>
          <cell r="H382">
            <v>165000</v>
          </cell>
          <cell r="J382" t="str">
            <v>物価資料8月</v>
          </cell>
        </row>
        <row r="383">
          <cell r="B383">
            <v>380</v>
          </cell>
          <cell r="D383" t="str">
            <v>ダクタイル鋳鉄異形管 二受T字管</v>
          </cell>
          <cell r="E383" t="str">
            <v>NS形 φ1000×φ1000</v>
          </cell>
          <cell r="G383" t="str">
            <v>個</v>
          </cell>
          <cell r="H383">
            <v>1817000</v>
          </cell>
          <cell r="J383" t="str">
            <v>ｶﾀﾛｸﾞ</v>
          </cell>
          <cell r="L383">
            <v>1817000</v>
          </cell>
        </row>
        <row r="384">
          <cell r="B384">
            <v>381</v>
          </cell>
          <cell r="H384">
            <v>0</v>
          </cell>
        </row>
        <row r="385">
          <cell r="B385">
            <v>382</v>
          </cell>
          <cell r="H385">
            <v>0</v>
          </cell>
        </row>
        <row r="386">
          <cell r="B386">
            <v>383</v>
          </cell>
          <cell r="H386">
            <v>0</v>
          </cell>
        </row>
        <row r="387">
          <cell r="B387">
            <v>384</v>
          </cell>
          <cell r="H387">
            <v>0</v>
          </cell>
        </row>
        <row r="388">
          <cell r="B388">
            <v>385</v>
          </cell>
          <cell r="H388">
            <v>0</v>
          </cell>
        </row>
        <row r="389">
          <cell r="B389">
            <v>386</v>
          </cell>
          <cell r="H389">
            <v>0</v>
          </cell>
        </row>
        <row r="390">
          <cell r="B390">
            <v>387</v>
          </cell>
          <cell r="H390">
            <v>0</v>
          </cell>
        </row>
        <row r="391">
          <cell r="B391">
            <v>388</v>
          </cell>
          <cell r="H391">
            <v>0</v>
          </cell>
        </row>
        <row r="392">
          <cell r="B392">
            <v>389</v>
          </cell>
          <cell r="H392">
            <v>0</v>
          </cell>
        </row>
        <row r="393">
          <cell r="B393">
            <v>390</v>
          </cell>
          <cell r="H393">
            <v>0</v>
          </cell>
        </row>
        <row r="394">
          <cell r="B394">
            <v>391</v>
          </cell>
          <cell r="H394">
            <v>0</v>
          </cell>
        </row>
        <row r="395">
          <cell r="B395">
            <v>392</v>
          </cell>
          <cell r="H395">
            <v>0</v>
          </cell>
        </row>
        <row r="396">
          <cell r="B396">
            <v>393</v>
          </cell>
          <cell r="H396">
            <v>0</v>
          </cell>
        </row>
        <row r="397">
          <cell r="B397">
            <v>394</v>
          </cell>
          <cell r="H397">
            <v>0</v>
          </cell>
        </row>
        <row r="398">
          <cell r="B398">
            <v>395</v>
          </cell>
          <cell r="H398">
            <v>0</v>
          </cell>
        </row>
        <row r="399">
          <cell r="B399">
            <v>396</v>
          </cell>
          <cell r="H399">
            <v>0</v>
          </cell>
        </row>
        <row r="400">
          <cell r="B400">
            <v>397</v>
          </cell>
          <cell r="H400">
            <v>0</v>
          </cell>
        </row>
        <row r="401">
          <cell r="B401">
            <v>398</v>
          </cell>
          <cell r="H401">
            <v>0</v>
          </cell>
        </row>
        <row r="402">
          <cell r="B402">
            <v>399</v>
          </cell>
          <cell r="H402">
            <v>0</v>
          </cell>
        </row>
        <row r="403">
          <cell r="B403">
            <v>400</v>
          </cell>
          <cell r="H403">
            <v>0</v>
          </cell>
        </row>
        <row r="404">
          <cell r="B404">
            <v>401</v>
          </cell>
          <cell r="H404">
            <v>0</v>
          </cell>
        </row>
        <row r="405">
          <cell r="B405">
            <v>402</v>
          </cell>
          <cell r="H405">
            <v>0</v>
          </cell>
        </row>
        <row r="406">
          <cell r="B406">
            <v>403</v>
          </cell>
          <cell r="H406">
            <v>0</v>
          </cell>
        </row>
        <row r="407">
          <cell r="B407">
            <v>404</v>
          </cell>
          <cell r="H407">
            <v>0</v>
          </cell>
        </row>
        <row r="408">
          <cell r="B408">
            <v>405</v>
          </cell>
          <cell r="H408">
            <v>0</v>
          </cell>
        </row>
        <row r="409">
          <cell r="B409">
            <v>406</v>
          </cell>
          <cell r="H409">
            <v>0</v>
          </cell>
        </row>
        <row r="410">
          <cell r="B410">
            <v>407</v>
          </cell>
          <cell r="H410">
            <v>0</v>
          </cell>
        </row>
        <row r="411">
          <cell r="B411">
            <v>408</v>
          </cell>
          <cell r="H411">
            <v>0</v>
          </cell>
        </row>
        <row r="412">
          <cell r="B412">
            <v>409</v>
          </cell>
          <cell r="H412">
            <v>0</v>
          </cell>
        </row>
        <row r="413">
          <cell r="B413">
            <v>410</v>
          </cell>
          <cell r="H413">
            <v>0</v>
          </cell>
        </row>
        <row r="414">
          <cell r="B414">
            <v>411</v>
          </cell>
          <cell r="H414">
            <v>0</v>
          </cell>
        </row>
        <row r="415">
          <cell r="B415">
            <v>412</v>
          </cell>
          <cell r="H415">
            <v>0</v>
          </cell>
        </row>
        <row r="416">
          <cell r="B416">
            <v>413</v>
          </cell>
          <cell r="H416">
            <v>0</v>
          </cell>
        </row>
        <row r="417">
          <cell r="B417">
            <v>414</v>
          </cell>
          <cell r="H417">
            <v>0</v>
          </cell>
        </row>
        <row r="418">
          <cell r="B418">
            <v>415</v>
          </cell>
          <cell r="H418">
            <v>0</v>
          </cell>
        </row>
        <row r="419">
          <cell r="B419">
            <v>416</v>
          </cell>
          <cell r="H419">
            <v>0</v>
          </cell>
        </row>
        <row r="420">
          <cell r="B420">
            <v>417</v>
          </cell>
          <cell r="H420">
            <v>0</v>
          </cell>
        </row>
        <row r="421">
          <cell r="B421">
            <v>418</v>
          </cell>
          <cell r="H421">
            <v>0</v>
          </cell>
        </row>
        <row r="422">
          <cell r="B422">
            <v>419</v>
          </cell>
          <cell r="H422">
            <v>0</v>
          </cell>
        </row>
        <row r="423">
          <cell r="B423">
            <v>420</v>
          </cell>
          <cell r="H423">
            <v>0</v>
          </cell>
        </row>
        <row r="424">
          <cell r="B424">
            <v>421</v>
          </cell>
          <cell r="H424">
            <v>0</v>
          </cell>
        </row>
        <row r="425">
          <cell r="B425">
            <v>422</v>
          </cell>
          <cell r="H425">
            <v>0</v>
          </cell>
        </row>
        <row r="426">
          <cell r="B426">
            <v>423</v>
          </cell>
          <cell r="H426">
            <v>0</v>
          </cell>
        </row>
        <row r="427">
          <cell r="B427">
            <v>424</v>
          </cell>
          <cell r="H427">
            <v>0</v>
          </cell>
        </row>
        <row r="428">
          <cell r="B428">
            <v>425</v>
          </cell>
          <cell r="H428">
            <v>0</v>
          </cell>
        </row>
        <row r="429">
          <cell r="B429">
            <v>426</v>
          </cell>
          <cell r="H429">
            <v>0</v>
          </cell>
        </row>
        <row r="430">
          <cell r="B430">
            <v>427</v>
          </cell>
          <cell r="H430">
            <v>0</v>
          </cell>
        </row>
        <row r="431">
          <cell r="B431">
            <v>428</v>
          </cell>
          <cell r="H431">
            <v>0</v>
          </cell>
        </row>
        <row r="432">
          <cell r="B432">
            <v>429</v>
          </cell>
          <cell r="H432">
            <v>0</v>
          </cell>
        </row>
        <row r="433">
          <cell r="B433">
            <v>430</v>
          </cell>
          <cell r="H433">
            <v>0</v>
          </cell>
        </row>
        <row r="434">
          <cell r="B434">
            <v>431</v>
          </cell>
          <cell r="H434">
            <v>0</v>
          </cell>
        </row>
        <row r="435">
          <cell r="B435">
            <v>432</v>
          </cell>
          <cell r="H435">
            <v>0</v>
          </cell>
        </row>
        <row r="436">
          <cell r="B436">
            <v>433</v>
          </cell>
          <cell r="H436">
            <v>0</v>
          </cell>
        </row>
        <row r="437">
          <cell r="B437">
            <v>434</v>
          </cell>
          <cell r="H437">
            <v>0</v>
          </cell>
        </row>
        <row r="438">
          <cell r="B438">
            <v>435</v>
          </cell>
          <cell r="H438">
            <v>0</v>
          </cell>
        </row>
        <row r="439">
          <cell r="B439">
            <v>436</v>
          </cell>
          <cell r="H439">
            <v>0</v>
          </cell>
        </row>
        <row r="440">
          <cell r="B440">
            <v>437</v>
          </cell>
          <cell r="H440">
            <v>0</v>
          </cell>
        </row>
        <row r="441">
          <cell r="B441">
            <v>438</v>
          </cell>
          <cell r="H441">
            <v>0</v>
          </cell>
        </row>
        <row r="442">
          <cell r="B442">
            <v>439</v>
          </cell>
          <cell r="H442">
            <v>0</v>
          </cell>
        </row>
        <row r="443">
          <cell r="B443">
            <v>440</v>
          </cell>
          <cell r="H443">
            <v>0</v>
          </cell>
        </row>
        <row r="444">
          <cell r="B444">
            <v>441</v>
          </cell>
          <cell r="H444">
            <v>0</v>
          </cell>
        </row>
        <row r="445">
          <cell r="B445">
            <v>442</v>
          </cell>
          <cell r="H445">
            <v>0</v>
          </cell>
        </row>
        <row r="446">
          <cell r="B446">
            <v>443</v>
          </cell>
          <cell r="H446">
            <v>0</v>
          </cell>
        </row>
        <row r="447">
          <cell r="B447">
            <v>444</v>
          </cell>
          <cell r="H447">
            <v>0</v>
          </cell>
        </row>
        <row r="448">
          <cell r="B448">
            <v>445</v>
          </cell>
          <cell r="H448">
            <v>0</v>
          </cell>
        </row>
        <row r="449">
          <cell r="B449">
            <v>446</v>
          </cell>
          <cell r="H449">
            <v>0</v>
          </cell>
        </row>
        <row r="450">
          <cell r="B450">
            <v>447</v>
          </cell>
          <cell r="H450">
            <v>0</v>
          </cell>
        </row>
        <row r="451">
          <cell r="B451">
            <v>448</v>
          </cell>
          <cell r="H451">
            <v>0</v>
          </cell>
        </row>
        <row r="452">
          <cell r="B452">
            <v>449</v>
          </cell>
          <cell r="H452">
            <v>0</v>
          </cell>
        </row>
        <row r="453">
          <cell r="B453">
            <v>450</v>
          </cell>
          <cell r="H453">
            <v>0</v>
          </cell>
        </row>
        <row r="454">
          <cell r="B454">
            <v>451</v>
          </cell>
          <cell r="H454">
            <v>0</v>
          </cell>
        </row>
        <row r="455">
          <cell r="B455">
            <v>452</v>
          </cell>
          <cell r="H455">
            <v>0</v>
          </cell>
        </row>
        <row r="456">
          <cell r="B456">
            <v>453</v>
          </cell>
          <cell r="H456">
            <v>0</v>
          </cell>
        </row>
        <row r="457">
          <cell r="B457">
            <v>454</v>
          </cell>
          <cell r="H457">
            <v>0</v>
          </cell>
        </row>
        <row r="458">
          <cell r="B458">
            <v>455</v>
          </cell>
          <cell r="H458">
            <v>0</v>
          </cell>
        </row>
        <row r="459">
          <cell r="B459">
            <v>456</v>
          </cell>
          <cell r="H459">
            <v>0</v>
          </cell>
        </row>
        <row r="460">
          <cell r="B460">
            <v>457</v>
          </cell>
          <cell r="H460">
            <v>0</v>
          </cell>
        </row>
        <row r="461">
          <cell r="B461">
            <v>458</v>
          </cell>
          <cell r="H461">
            <v>0</v>
          </cell>
        </row>
        <row r="462">
          <cell r="B462">
            <v>459</v>
          </cell>
          <cell r="H462">
            <v>0</v>
          </cell>
        </row>
        <row r="463">
          <cell r="B463">
            <v>460</v>
          </cell>
          <cell r="H463">
            <v>0</v>
          </cell>
        </row>
        <row r="464">
          <cell r="B464">
            <v>461</v>
          </cell>
          <cell r="H464">
            <v>0</v>
          </cell>
        </row>
        <row r="465">
          <cell r="B465">
            <v>462</v>
          </cell>
          <cell r="H465">
            <v>0</v>
          </cell>
        </row>
        <row r="466">
          <cell r="B466">
            <v>463</v>
          </cell>
          <cell r="H466">
            <v>0</v>
          </cell>
        </row>
        <row r="467">
          <cell r="B467">
            <v>464</v>
          </cell>
          <cell r="H467">
            <v>0</v>
          </cell>
        </row>
        <row r="468">
          <cell r="B468">
            <v>465</v>
          </cell>
          <cell r="H468">
            <v>0</v>
          </cell>
        </row>
        <row r="469">
          <cell r="B469">
            <v>466</v>
          </cell>
          <cell r="H469">
            <v>0</v>
          </cell>
        </row>
        <row r="470">
          <cell r="B470">
            <v>467</v>
          </cell>
          <cell r="H470">
            <v>0</v>
          </cell>
        </row>
        <row r="471">
          <cell r="B471">
            <v>468</v>
          </cell>
          <cell r="H471">
            <v>0</v>
          </cell>
        </row>
        <row r="472">
          <cell r="B472">
            <v>469</v>
          </cell>
          <cell r="H472">
            <v>0</v>
          </cell>
        </row>
        <row r="473">
          <cell r="B473">
            <v>470</v>
          </cell>
          <cell r="H473">
            <v>0</v>
          </cell>
        </row>
        <row r="474">
          <cell r="B474">
            <v>471</v>
          </cell>
          <cell r="H474">
            <v>0</v>
          </cell>
        </row>
        <row r="475">
          <cell r="B475">
            <v>472</v>
          </cell>
          <cell r="H475">
            <v>0</v>
          </cell>
        </row>
        <row r="476">
          <cell r="B476">
            <v>473</v>
          </cell>
          <cell r="H476">
            <v>0</v>
          </cell>
        </row>
        <row r="477">
          <cell r="B477">
            <v>474</v>
          </cell>
          <cell r="H477">
            <v>0</v>
          </cell>
        </row>
        <row r="478">
          <cell r="B478">
            <v>475</v>
          </cell>
          <cell r="H478">
            <v>0</v>
          </cell>
        </row>
        <row r="479">
          <cell r="B479">
            <v>476</v>
          </cell>
          <cell r="H479">
            <v>0</v>
          </cell>
        </row>
        <row r="480">
          <cell r="B480">
            <v>477</v>
          </cell>
          <cell r="H480">
            <v>0</v>
          </cell>
        </row>
        <row r="481">
          <cell r="B481">
            <v>478</v>
          </cell>
          <cell r="H481">
            <v>0</v>
          </cell>
        </row>
        <row r="482">
          <cell r="B482">
            <v>479</v>
          </cell>
          <cell r="H482">
            <v>0</v>
          </cell>
        </row>
        <row r="483">
          <cell r="B483">
            <v>480</v>
          </cell>
          <cell r="H483">
            <v>0</v>
          </cell>
        </row>
        <row r="484">
          <cell r="B484">
            <v>481</v>
          </cell>
          <cell r="H484">
            <v>0</v>
          </cell>
        </row>
        <row r="485">
          <cell r="B485">
            <v>482</v>
          </cell>
          <cell r="H485">
            <v>0</v>
          </cell>
        </row>
        <row r="486">
          <cell r="B486">
            <v>483</v>
          </cell>
          <cell r="H486">
            <v>0</v>
          </cell>
        </row>
        <row r="487">
          <cell r="B487">
            <v>484</v>
          </cell>
          <cell r="H487">
            <v>0</v>
          </cell>
        </row>
        <row r="488">
          <cell r="B488">
            <v>485</v>
          </cell>
          <cell r="H488">
            <v>0</v>
          </cell>
        </row>
        <row r="489">
          <cell r="B489">
            <v>486</v>
          </cell>
          <cell r="H489">
            <v>0</v>
          </cell>
        </row>
        <row r="490">
          <cell r="B490">
            <v>487</v>
          </cell>
          <cell r="H490">
            <v>0</v>
          </cell>
        </row>
        <row r="491">
          <cell r="B491">
            <v>488</v>
          </cell>
          <cell r="H491">
            <v>0</v>
          </cell>
        </row>
        <row r="492">
          <cell r="B492">
            <v>489</v>
          </cell>
          <cell r="H492">
            <v>0</v>
          </cell>
        </row>
        <row r="493">
          <cell r="B493">
            <v>490</v>
          </cell>
          <cell r="H493">
            <v>0</v>
          </cell>
        </row>
        <row r="494">
          <cell r="B494">
            <v>491</v>
          </cell>
          <cell r="H494">
            <v>0</v>
          </cell>
        </row>
        <row r="495">
          <cell r="B495">
            <v>492</v>
          </cell>
          <cell r="H495">
            <v>0</v>
          </cell>
        </row>
        <row r="496">
          <cell r="B496">
            <v>493</v>
          </cell>
          <cell r="H496">
            <v>0</v>
          </cell>
        </row>
        <row r="497">
          <cell r="B497">
            <v>494</v>
          </cell>
          <cell r="H497">
            <v>0</v>
          </cell>
        </row>
        <row r="498">
          <cell r="B498">
            <v>495</v>
          </cell>
          <cell r="H498">
            <v>0</v>
          </cell>
        </row>
        <row r="499">
          <cell r="B499">
            <v>496</v>
          </cell>
          <cell r="H499">
            <v>0</v>
          </cell>
        </row>
        <row r="500">
          <cell r="B500">
            <v>497</v>
          </cell>
          <cell r="H500">
            <v>0</v>
          </cell>
        </row>
        <row r="501">
          <cell r="B501">
            <v>498</v>
          </cell>
          <cell r="H501">
            <v>0</v>
          </cell>
        </row>
        <row r="502">
          <cell r="B502">
            <v>499</v>
          </cell>
          <cell r="H502">
            <v>0</v>
          </cell>
        </row>
        <row r="503">
          <cell r="B503">
            <v>500</v>
          </cell>
          <cell r="H503">
            <v>0</v>
          </cell>
        </row>
        <row r="504">
          <cell r="B504">
            <v>501</v>
          </cell>
          <cell r="D504" t="str">
            <v>削孔費</v>
          </cell>
          <cell r="E504" t="str">
            <v>φ157</v>
          </cell>
          <cell r="F504" t="str">
            <v>L=8.0m×15本</v>
          </cell>
          <cell r="G504" t="str">
            <v>m</v>
          </cell>
          <cell r="H504">
            <v>16000</v>
          </cell>
          <cell r="J504" t="str">
            <v>見積</v>
          </cell>
        </row>
        <row r="505">
          <cell r="B505">
            <v>502</v>
          </cell>
          <cell r="D505" t="str">
            <v>ストレーナ加工</v>
          </cell>
          <cell r="E505" t="str">
            <v>φ75</v>
          </cell>
          <cell r="F505" t="str">
            <v>L=2.0m</v>
          </cell>
          <cell r="G505" t="str">
            <v>本</v>
          </cell>
          <cell r="H505">
            <v>13000</v>
          </cell>
          <cell r="J505" t="str">
            <v>見積</v>
          </cell>
        </row>
        <row r="506">
          <cell r="B506">
            <v>503</v>
          </cell>
          <cell r="D506" t="str">
            <v>ポンプ設置・撤去</v>
          </cell>
          <cell r="E506" t="str">
            <v>φ100-3.7kW</v>
          </cell>
          <cell r="G506" t="str">
            <v>台</v>
          </cell>
          <cell r="H506">
            <v>39000</v>
          </cell>
          <cell r="J506" t="str">
            <v>見積</v>
          </cell>
        </row>
        <row r="507">
          <cell r="B507">
            <v>504</v>
          </cell>
          <cell r="D507" t="str">
            <v>ポンプ運転管理費</v>
          </cell>
          <cell r="E507" t="str">
            <v>φ100-3.7kW</v>
          </cell>
          <cell r="F507" t="str">
            <v>5台×300日</v>
          </cell>
          <cell r="G507" t="str">
            <v>台・日</v>
          </cell>
          <cell r="H507">
            <v>1600</v>
          </cell>
          <cell r="J507" t="str">
            <v>見積</v>
          </cell>
        </row>
        <row r="508">
          <cell r="B508">
            <v>505</v>
          </cell>
          <cell r="D508" t="str">
            <v>ポンプ損料</v>
          </cell>
          <cell r="E508" t="str">
            <v>φ100-3.7kW</v>
          </cell>
          <cell r="F508" t="str">
            <v>5台×300日</v>
          </cell>
          <cell r="G508" t="str">
            <v>台・日</v>
          </cell>
          <cell r="H508">
            <v>1400</v>
          </cell>
          <cell r="J508" t="str">
            <v>見積</v>
          </cell>
        </row>
        <row r="509">
          <cell r="B509">
            <v>506</v>
          </cell>
          <cell r="D509" t="str">
            <v>ノッチタンク設置・撤去</v>
          </cell>
          <cell r="E509" t="str">
            <v>2m3用</v>
          </cell>
          <cell r="G509" t="str">
            <v>台</v>
          </cell>
          <cell r="H509">
            <v>16000</v>
          </cell>
          <cell r="J509" t="str">
            <v>見積</v>
          </cell>
        </row>
        <row r="510">
          <cell r="B510">
            <v>507</v>
          </cell>
          <cell r="D510" t="str">
            <v>ノッチタンク損料</v>
          </cell>
          <cell r="E510" t="str">
            <v>2m3用</v>
          </cell>
          <cell r="F510" t="str">
            <v>2台×300日</v>
          </cell>
          <cell r="G510" t="str">
            <v>台・日</v>
          </cell>
          <cell r="H510">
            <v>600</v>
          </cell>
          <cell r="J510" t="str">
            <v>見積</v>
          </cell>
        </row>
        <row r="511">
          <cell r="B511">
            <v>508</v>
          </cell>
          <cell r="D511" t="str">
            <v>屋外灯灯具</v>
          </cell>
          <cell r="G511" t="str">
            <v>基</v>
          </cell>
          <cell r="H511">
            <v>140000</v>
          </cell>
          <cell r="J511" t="str">
            <v>見積</v>
          </cell>
        </row>
        <row r="512">
          <cell r="B512">
            <v>509</v>
          </cell>
          <cell r="D512" t="str">
            <v>屋外灯ポール</v>
          </cell>
          <cell r="G512" t="str">
            <v>本</v>
          </cell>
          <cell r="H512">
            <v>108000</v>
          </cell>
          <cell r="J512" t="str">
            <v>見積</v>
          </cell>
        </row>
        <row r="513">
          <cell r="B513">
            <v>510</v>
          </cell>
          <cell r="D513" t="str">
            <v>屋外灯設置工</v>
          </cell>
          <cell r="G513" t="str">
            <v>箇所</v>
          </cell>
          <cell r="H513">
            <v>70000</v>
          </cell>
          <cell r="J513" t="str">
            <v>見積</v>
          </cell>
        </row>
        <row r="514">
          <cell r="B514">
            <v>511</v>
          </cell>
          <cell r="D514" t="str">
            <v>ラッパ口</v>
          </cell>
          <cell r="E514" t="str">
            <v>SUS304 Sch10ｓ</v>
          </cell>
          <cell r="F514" t="str">
            <v>400A</v>
          </cell>
          <cell r="G514" t="str">
            <v>本</v>
          </cell>
          <cell r="H514">
            <v>450000</v>
          </cell>
          <cell r="J514" t="str">
            <v>見積</v>
          </cell>
          <cell r="L514">
            <v>450000</v>
          </cell>
        </row>
        <row r="515">
          <cell r="B515">
            <v>512</v>
          </cell>
          <cell r="D515" t="str">
            <v>2F直管</v>
          </cell>
          <cell r="E515" t="str">
            <v>SUS304 Sch10ｓ</v>
          </cell>
          <cell r="F515" t="str">
            <v>400A</v>
          </cell>
          <cell r="G515" t="str">
            <v>本</v>
          </cell>
          <cell r="H515">
            <v>350000</v>
          </cell>
          <cell r="J515" t="str">
            <v>見積</v>
          </cell>
          <cell r="L515">
            <v>350000</v>
          </cell>
        </row>
        <row r="516">
          <cell r="B516">
            <v>513</v>
          </cell>
          <cell r="D516" t="str">
            <v>2F直管</v>
          </cell>
          <cell r="E516" t="str">
            <v>SUS304 Sch10ｓ</v>
          </cell>
          <cell r="F516" t="str">
            <v>400A 止水板付</v>
          </cell>
          <cell r="G516" t="str">
            <v>本</v>
          </cell>
          <cell r="H516">
            <v>400000</v>
          </cell>
          <cell r="J516" t="str">
            <v>見積</v>
          </cell>
          <cell r="L516">
            <v>400000</v>
          </cell>
        </row>
        <row r="517">
          <cell r="B517">
            <v>514</v>
          </cell>
          <cell r="D517" t="str">
            <v>2F曲管</v>
          </cell>
          <cell r="E517" t="str">
            <v>SUS304 Sch10ｓ</v>
          </cell>
          <cell r="F517" t="str">
            <v>400A 90°</v>
          </cell>
          <cell r="G517" t="str">
            <v>本</v>
          </cell>
          <cell r="H517">
            <v>500000</v>
          </cell>
          <cell r="J517" t="str">
            <v>見積</v>
          </cell>
          <cell r="L517">
            <v>500000</v>
          </cell>
        </row>
        <row r="518">
          <cell r="B518">
            <v>515</v>
          </cell>
          <cell r="H518">
            <v>0</v>
          </cell>
          <cell r="L518">
            <v>0</v>
          </cell>
        </row>
        <row r="519">
          <cell r="B519">
            <v>516</v>
          </cell>
          <cell r="D519" t="str">
            <v>2F短管</v>
          </cell>
          <cell r="E519" t="str">
            <v>SUS304 Sch10ｓ</v>
          </cell>
          <cell r="F519" t="str">
            <v>800A 止水板付</v>
          </cell>
          <cell r="G519" t="str">
            <v>本</v>
          </cell>
          <cell r="H519">
            <v>1790000</v>
          </cell>
          <cell r="J519" t="str">
            <v>見積</v>
          </cell>
          <cell r="L519">
            <v>1790000</v>
          </cell>
        </row>
        <row r="520">
          <cell r="B520">
            <v>517</v>
          </cell>
          <cell r="D520" t="str">
            <v>1F短管</v>
          </cell>
          <cell r="E520" t="str">
            <v>SUS304 Sch10ｓ</v>
          </cell>
          <cell r="F520" t="str">
            <v>800A ラッパ口付</v>
          </cell>
          <cell r="G520" t="str">
            <v>本</v>
          </cell>
          <cell r="H520">
            <v>1559000</v>
          </cell>
          <cell r="J520" t="str">
            <v>見積</v>
          </cell>
          <cell r="L520">
            <v>1559000</v>
          </cell>
        </row>
        <row r="521">
          <cell r="B521">
            <v>518</v>
          </cell>
          <cell r="D521" t="str">
            <v>2F曲管</v>
          </cell>
          <cell r="E521" t="str">
            <v>SUS304 Sch10ｓ</v>
          </cell>
          <cell r="F521" t="str">
            <v>800A 90°</v>
          </cell>
          <cell r="G521" t="str">
            <v>本</v>
          </cell>
          <cell r="H521">
            <v>3131000</v>
          </cell>
          <cell r="J521" t="str">
            <v>見積</v>
          </cell>
          <cell r="L521">
            <v>3131000</v>
          </cell>
        </row>
        <row r="522">
          <cell r="B522">
            <v>519</v>
          </cell>
          <cell r="D522" t="str">
            <v>2F短管</v>
          </cell>
          <cell r="E522" t="str">
            <v>DIP</v>
          </cell>
          <cell r="F522" t="str">
            <v>800A 止水板付</v>
          </cell>
          <cell r="G522" t="str">
            <v>本</v>
          </cell>
          <cell r="H522">
            <v>761000</v>
          </cell>
          <cell r="J522" t="str">
            <v>見積</v>
          </cell>
          <cell r="L522">
            <v>761000</v>
          </cell>
        </row>
        <row r="523">
          <cell r="B523">
            <v>520</v>
          </cell>
          <cell r="D523" t="str">
            <v>2F曲管</v>
          </cell>
          <cell r="E523" t="str">
            <v>DIP</v>
          </cell>
          <cell r="F523" t="str">
            <v>φ800 90° GF7.5k</v>
          </cell>
          <cell r="G523" t="str">
            <v>本</v>
          </cell>
          <cell r="H523">
            <v>777000</v>
          </cell>
          <cell r="J523" t="str">
            <v>ｶﾀﾛｸﾞ</v>
          </cell>
          <cell r="L523">
            <v>777000</v>
          </cell>
        </row>
        <row r="524">
          <cell r="B524">
            <v>521</v>
          </cell>
          <cell r="D524" t="str">
            <v>フランジアダプター</v>
          </cell>
          <cell r="E524" t="str">
            <v>φ800</v>
          </cell>
          <cell r="G524" t="str">
            <v>本</v>
          </cell>
          <cell r="H524">
            <v>1696000</v>
          </cell>
          <cell r="J524" t="str">
            <v>ｶﾀﾛｸﾞ</v>
          </cell>
          <cell r="L524">
            <v>1696000</v>
          </cell>
        </row>
        <row r="525">
          <cell r="B525">
            <v>522</v>
          </cell>
          <cell r="H525">
            <v>0</v>
          </cell>
          <cell r="L525">
            <v>0</v>
          </cell>
        </row>
        <row r="526">
          <cell r="B526">
            <v>523</v>
          </cell>
          <cell r="D526" t="str">
            <v>2F短管</v>
          </cell>
          <cell r="E526" t="str">
            <v>SUS304 Sch10ｓ</v>
          </cell>
          <cell r="F526" t="str">
            <v>600A 止水板付</v>
          </cell>
          <cell r="G526" t="str">
            <v>本</v>
          </cell>
          <cell r="H526">
            <v>947000</v>
          </cell>
          <cell r="J526" t="str">
            <v>見積</v>
          </cell>
          <cell r="L526">
            <v>947000</v>
          </cell>
        </row>
        <row r="527">
          <cell r="B527">
            <v>524</v>
          </cell>
          <cell r="D527" t="str">
            <v>1F短管</v>
          </cell>
          <cell r="E527" t="str">
            <v>SUS304 Sch10ｓ</v>
          </cell>
          <cell r="F527" t="str">
            <v>600A ラッパ口付</v>
          </cell>
          <cell r="G527" t="str">
            <v>本</v>
          </cell>
          <cell r="H527">
            <v>993000</v>
          </cell>
          <cell r="J527" t="str">
            <v>見積</v>
          </cell>
          <cell r="L527">
            <v>993000</v>
          </cell>
        </row>
        <row r="528">
          <cell r="B528">
            <v>525</v>
          </cell>
          <cell r="D528" t="str">
            <v>2F曲管</v>
          </cell>
          <cell r="E528" t="str">
            <v>SUS304 Sch10ｓ</v>
          </cell>
          <cell r="F528" t="str">
            <v>600A 90°</v>
          </cell>
          <cell r="G528" t="str">
            <v>本</v>
          </cell>
          <cell r="H528">
            <v>1516000</v>
          </cell>
          <cell r="J528" t="str">
            <v>見積</v>
          </cell>
          <cell r="L528">
            <v>1516000</v>
          </cell>
        </row>
        <row r="529">
          <cell r="B529">
            <v>526</v>
          </cell>
          <cell r="D529" t="str">
            <v>1Fラッパ口</v>
          </cell>
          <cell r="E529" t="str">
            <v>SUS304 Sch10ｓ</v>
          </cell>
          <cell r="F529" t="str">
            <v>600A</v>
          </cell>
          <cell r="G529" t="str">
            <v>本</v>
          </cell>
          <cell r="H529">
            <v>709000</v>
          </cell>
          <cell r="J529" t="str">
            <v>見積</v>
          </cell>
          <cell r="L529">
            <v>709000</v>
          </cell>
        </row>
        <row r="530">
          <cell r="B530">
            <v>527</v>
          </cell>
          <cell r="D530" t="str">
            <v>2F短管</v>
          </cell>
          <cell r="E530" t="str">
            <v>DIP</v>
          </cell>
          <cell r="F530" t="str">
            <v>φ600 止水板付</v>
          </cell>
          <cell r="G530" t="str">
            <v>本</v>
          </cell>
          <cell r="H530">
            <v>494000</v>
          </cell>
          <cell r="J530" t="str">
            <v>見積</v>
          </cell>
          <cell r="L530">
            <v>494000</v>
          </cell>
        </row>
        <row r="531">
          <cell r="B531">
            <v>528</v>
          </cell>
          <cell r="D531" t="str">
            <v>2F曲管</v>
          </cell>
          <cell r="E531" t="str">
            <v>DIP</v>
          </cell>
          <cell r="F531" t="str">
            <v>φ600 90°GF7.5k</v>
          </cell>
          <cell r="G531" t="str">
            <v>本</v>
          </cell>
          <cell r="H531">
            <v>410000</v>
          </cell>
          <cell r="J531" t="str">
            <v>ｶﾀﾛｸﾞ</v>
          </cell>
          <cell r="L531">
            <v>410000</v>
          </cell>
        </row>
        <row r="532">
          <cell r="B532">
            <v>529</v>
          </cell>
          <cell r="D532" t="str">
            <v>フランジアダプター</v>
          </cell>
          <cell r="E532" t="str">
            <v>φ600</v>
          </cell>
          <cell r="G532" t="str">
            <v>本</v>
          </cell>
          <cell r="H532">
            <v>1074000</v>
          </cell>
          <cell r="J532" t="str">
            <v>ｶﾀﾛｸﾞ</v>
          </cell>
          <cell r="L532">
            <v>1074000</v>
          </cell>
        </row>
        <row r="533">
          <cell r="B533">
            <v>530</v>
          </cell>
          <cell r="D533" t="str">
            <v>バタフライ弁</v>
          </cell>
          <cell r="E533" t="str">
            <v>φ600</v>
          </cell>
          <cell r="G533" t="str">
            <v>基</v>
          </cell>
          <cell r="H533">
            <v>4088000</v>
          </cell>
          <cell r="J533" t="str">
            <v>ｶﾀﾛｸﾞ</v>
          </cell>
          <cell r="L533">
            <v>4088000</v>
          </cell>
        </row>
        <row r="534">
          <cell r="B534">
            <v>531</v>
          </cell>
          <cell r="H534">
            <v>0</v>
          </cell>
          <cell r="L534">
            <v>0</v>
          </cell>
        </row>
        <row r="535">
          <cell r="B535">
            <v>532</v>
          </cell>
          <cell r="D535" t="str">
            <v>2F短管</v>
          </cell>
          <cell r="E535" t="str">
            <v>SUS304 Sch10ｓ</v>
          </cell>
          <cell r="F535" t="str">
            <v>1000A 止水板付</v>
          </cell>
          <cell r="G535" t="str">
            <v>本</v>
          </cell>
          <cell r="H535">
            <v>2905000</v>
          </cell>
          <cell r="J535" t="str">
            <v>見積</v>
          </cell>
          <cell r="L535">
            <v>2905000</v>
          </cell>
        </row>
        <row r="536">
          <cell r="B536">
            <v>533</v>
          </cell>
          <cell r="D536" t="str">
            <v>1Fラッパ口</v>
          </cell>
          <cell r="E536" t="str">
            <v>SUS304 Sch10ｓ</v>
          </cell>
          <cell r="F536" t="str">
            <v>1000A</v>
          </cell>
          <cell r="G536" t="str">
            <v>本</v>
          </cell>
          <cell r="H536">
            <v>2093000</v>
          </cell>
          <cell r="J536" t="str">
            <v>見積</v>
          </cell>
          <cell r="L536">
            <v>2093000</v>
          </cell>
        </row>
        <row r="537">
          <cell r="B537">
            <v>534</v>
          </cell>
          <cell r="D537" t="str">
            <v>2F短管</v>
          </cell>
          <cell r="E537" t="str">
            <v>DIP</v>
          </cell>
          <cell r="F537" t="str">
            <v>φ1000 止水板付</v>
          </cell>
          <cell r="G537" t="str">
            <v>本</v>
          </cell>
          <cell r="H537">
            <v>1128000</v>
          </cell>
          <cell r="J537" t="str">
            <v>見積</v>
          </cell>
          <cell r="L537">
            <v>1128000</v>
          </cell>
        </row>
        <row r="538">
          <cell r="B538">
            <v>535</v>
          </cell>
          <cell r="D538" t="str">
            <v>2F曲管</v>
          </cell>
          <cell r="E538" t="str">
            <v>DIP</v>
          </cell>
          <cell r="F538" t="str">
            <v>φ1000 　90°GF7.5k</v>
          </cell>
          <cell r="G538" t="str">
            <v>本</v>
          </cell>
          <cell r="H538">
            <v>1252000</v>
          </cell>
          <cell r="J538" t="str">
            <v>ｶﾀﾛｸﾞ</v>
          </cell>
          <cell r="L538">
            <v>1252000</v>
          </cell>
        </row>
        <row r="539">
          <cell r="B539">
            <v>536</v>
          </cell>
          <cell r="D539" t="str">
            <v>フランジアダプター</v>
          </cell>
          <cell r="E539" t="str">
            <v>φ1000</v>
          </cell>
          <cell r="G539" t="str">
            <v>本</v>
          </cell>
          <cell r="H539">
            <v>2591000</v>
          </cell>
          <cell r="J539" t="str">
            <v>ｶﾀﾛｸﾞ</v>
          </cell>
          <cell r="L539">
            <v>2591000</v>
          </cell>
        </row>
        <row r="540">
          <cell r="B540">
            <v>537</v>
          </cell>
          <cell r="H540">
            <v>0</v>
          </cell>
          <cell r="L540">
            <v>0</v>
          </cell>
        </row>
        <row r="541">
          <cell r="B541">
            <v>538</v>
          </cell>
          <cell r="D541" t="str">
            <v>1F直管</v>
          </cell>
          <cell r="E541" t="str">
            <v>SUS304 Sch10ｓ</v>
          </cell>
          <cell r="F541" t="str">
            <v>200A 止水板付</v>
          </cell>
          <cell r="G541" t="str">
            <v>本</v>
          </cell>
          <cell r="H541">
            <v>75000</v>
          </cell>
          <cell r="J541" t="str">
            <v>見積</v>
          </cell>
          <cell r="L541">
            <v>75000</v>
          </cell>
        </row>
        <row r="542">
          <cell r="B542">
            <v>539</v>
          </cell>
          <cell r="D542" t="str">
            <v>レイタンス斫り工</v>
          </cell>
          <cell r="G542" t="str">
            <v>m2</v>
          </cell>
          <cell r="H542">
            <v>5000</v>
          </cell>
          <cell r="J542" t="str">
            <v>見積</v>
          </cell>
        </row>
        <row r="543">
          <cell r="B543">
            <v>540</v>
          </cell>
          <cell r="D543" t="str">
            <v>金ゴテ仕上げ工</v>
          </cell>
          <cell r="E543" t="str">
            <v>3回仕上工</v>
          </cell>
          <cell r="G543" t="str">
            <v>m2</v>
          </cell>
          <cell r="H543">
            <v>1200</v>
          </cell>
          <cell r="J543" t="str">
            <v>見積</v>
          </cell>
        </row>
        <row r="544">
          <cell r="B544">
            <v>541</v>
          </cell>
          <cell r="D544" t="str">
            <v>登り桟橋工(手摺先行型枠組み足場)</v>
          </cell>
          <cell r="E544" t="str">
            <v>設置+撤去+損料</v>
          </cell>
          <cell r="F544" t="str">
            <v>H=6.6m</v>
          </cell>
          <cell r="G544" t="str">
            <v>箇所</v>
          </cell>
          <cell r="H544">
            <v>200000</v>
          </cell>
          <cell r="J544" t="str">
            <v>見積</v>
          </cell>
        </row>
        <row r="545">
          <cell r="B545">
            <v>542</v>
          </cell>
          <cell r="D545" t="str">
            <v>登り桟橋工(手摺先行型枠組み足場)</v>
          </cell>
          <cell r="E545" t="str">
            <v>設置+撤去+損料</v>
          </cell>
          <cell r="F545" t="str">
            <v>H=5.4m</v>
          </cell>
          <cell r="G545" t="str">
            <v>箇所</v>
          </cell>
          <cell r="H545">
            <v>200000</v>
          </cell>
          <cell r="J545" t="str">
            <v>見積</v>
          </cell>
        </row>
        <row r="546">
          <cell r="B546">
            <v>543</v>
          </cell>
          <cell r="D546" t="str">
            <v>打継目防水工</v>
          </cell>
          <cell r="G546" t="str">
            <v>m</v>
          </cell>
          <cell r="H546">
            <v>1800</v>
          </cell>
          <cell r="J546" t="str">
            <v>見積</v>
          </cell>
        </row>
        <row r="547">
          <cell r="B547">
            <v>544</v>
          </cell>
          <cell r="D547" t="str">
            <v>木コン跡処理工</v>
          </cell>
          <cell r="G547" t="str">
            <v>箇所</v>
          </cell>
          <cell r="H547">
            <v>700</v>
          </cell>
          <cell r="J547" t="str">
            <v>見積</v>
          </cell>
        </row>
        <row r="548">
          <cell r="B548">
            <v>545</v>
          </cell>
          <cell r="D548" t="str">
            <v>表面仕上工</v>
          </cell>
          <cell r="G548" t="str">
            <v>m2</v>
          </cell>
          <cell r="H548">
            <v>1300</v>
          </cell>
          <cell r="J548" t="str">
            <v>見積</v>
          </cell>
        </row>
        <row r="549">
          <cell r="B549">
            <v>546</v>
          </cell>
          <cell r="D549" t="str">
            <v>横締PCケーブル工</v>
          </cell>
          <cell r="G549" t="str">
            <v>t</v>
          </cell>
          <cell r="H549">
            <v>1257000</v>
          </cell>
          <cell r="J549" t="str">
            <v>見積</v>
          </cell>
        </row>
        <row r="550">
          <cell r="B550">
            <v>547</v>
          </cell>
          <cell r="D550" t="str">
            <v>横締PCケーブル緊張工</v>
          </cell>
          <cell r="G550" t="str">
            <v>箇所</v>
          </cell>
          <cell r="H550">
            <v>20000</v>
          </cell>
          <cell r="J550" t="str">
            <v>見積</v>
          </cell>
        </row>
        <row r="551">
          <cell r="B551">
            <v>548</v>
          </cell>
          <cell r="D551" t="str">
            <v>縦締PCケーブル工</v>
          </cell>
          <cell r="G551" t="str">
            <v>t</v>
          </cell>
          <cell r="H551">
            <v>787000</v>
          </cell>
          <cell r="J551" t="str">
            <v>見積</v>
          </cell>
        </row>
        <row r="552">
          <cell r="B552">
            <v>549</v>
          </cell>
          <cell r="D552" t="str">
            <v>縦締PCケーブル緊張工</v>
          </cell>
          <cell r="G552" t="str">
            <v>箇所</v>
          </cell>
          <cell r="H552">
            <v>20000</v>
          </cell>
          <cell r="J552" t="str">
            <v>見積</v>
          </cell>
        </row>
        <row r="553">
          <cell r="B553">
            <v>550</v>
          </cell>
          <cell r="D553" t="str">
            <v>縦締PCケーブル固定工</v>
          </cell>
          <cell r="G553" t="str">
            <v>箇所</v>
          </cell>
          <cell r="H553">
            <v>10000</v>
          </cell>
          <cell r="J553" t="str">
            <v>見積</v>
          </cell>
        </row>
        <row r="554">
          <cell r="B554">
            <v>551</v>
          </cell>
          <cell r="D554" t="str">
            <v>横締用機械器具損料</v>
          </cell>
          <cell r="G554" t="str">
            <v>式</v>
          </cell>
          <cell r="H554">
            <v>250000</v>
          </cell>
          <cell r="J554" t="str">
            <v>見積</v>
          </cell>
        </row>
        <row r="555">
          <cell r="B555">
            <v>552</v>
          </cell>
          <cell r="D555" t="str">
            <v>縦締用機械器具損料</v>
          </cell>
          <cell r="G555" t="str">
            <v>式</v>
          </cell>
          <cell r="H555">
            <v>270000</v>
          </cell>
          <cell r="J555" t="str">
            <v>見積</v>
          </cell>
        </row>
        <row r="556">
          <cell r="B556">
            <v>553</v>
          </cell>
          <cell r="D556" t="str">
            <v>裏面仕上工</v>
          </cell>
          <cell r="G556" t="str">
            <v>m2</v>
          </cell>
          <cell r="H556">
            <v>1300</v>
          </cell>
          <cell r="J556" t="str">
            <v>見積</v>
          </cell>
        </row>
        <row r="557">
          <cell r="B557">
            <v>554</v>
          </cell>
          <cell r="D557" t="str">
            <v>足場組替工</v>
          </cell>
          <cell r="G557" t="str">
            <v>m2</v>
          </cell>
          <cell r="H557">
            <v>2500</v>
          </cell>
          <cell r="J557" t="str">
            <v>見積</v>
          </cell>
        </row>
        <row r="558">
          <cell r="B558">
            <v>555</v>
          </cell>
          <cell r="D558" t="str">
            <v>外面塗装工</v>
          </cell>
          <cell r="E558" t="str">
            <v>弾性吹付タイル</v>
          </cell>
          <cell r="G558" t="str">
            <v>m2</v>
          </cell>
          <cell r="H558">
            <v>4000</v>
          </cell>
          <cell r="J558" t="str">
            <v>見積</v>
          </cell>
        </row>
        <row r="559">
          <cell r="B559">
            <v>556</v>
          </cell>
          <cell r="D559" t="str">
            <v>屋上防水工</v>
          </cell>
          <cell r="E559" t="str">
            <v>超速硬化ウレタン</v>
          </cell>
          <cell r="G559" t="str">
            <v>m2</v>
          </cell>
          <cell r="H559">
            <v>11000</v>
          </cell>
          <cell r="J559" t="str">
            <v>見積</v>
          </cell>
        </row>
        <row r="560">
          <cell r="B560">
            <v>557</v>
          </cell>
          <cell r="D560" t="str">
            <v>外部梯子工</v>
          </cell>
          <cell r="E560" t="str">
            <v>SUS304</v>
          </cell>
          <cell r="F560" t="str">
            <v>背もたれつき</v>
          </cell>
          <cell r="G560" t="str">
            <v>基</v>
          </cell>
          <cell r="H560">
            <v>500000</v>
          </cell>
          <cell r="J560" t="str">
            <v>見積</v>
          </cell>
        </row>
        <row r="561">
          <cell r="B561">
            <v>558</v>
          </cell>
          <cell r="D561" t="str">
            <v>内部梯子工</v>
          </cell>
          <cell r="E561" t="str">
            <v>SUS316</v>
          </cell>
          <cell r="F561" t="str">
            <v>背もたれつき</v>
          </cell>
          <cell r="G561" t="str">
            <v>基</v>
          </cell>
          <cell r="H561">
            <v>650000</v>
          </cell>
          <cell r="J561" t="str">
            <v>見積</v>
          </cell>
        </row>
        <row r="562">
          <cell r="B562">
            <v>559</v>
          </cell>
          <cell r="D562" t="str">
            <v>人孔工</v>
          </cell>
          <cell r="E562" t="str">
            <v>SUS316</v>
          </cell>
          <cell r="F562" t="str">
            <v>蓋付　□700×700</v>
          </cell>
          <cell r="G562" t="str">
            <v>基</v>
          </cell>
          <cell r="H562">
            <v>350000</v>
          </cell>
          <cell r="J562" t="str">
            <v>見積</v>
          </cell>
        </row>
        <row r="563">
          <cell r="B563">
            <v>560</v>
          </cell>
          <cell r="D563" t="str">
            <v>換気塔工</v>
          </cell>
          <cell r="G563" t="str">
            <v>基</v>
          </cell>
          <cell r="H563">
            <v>750000</v>
          </cell>
          <cell r="J563" t="str">
            <v>見積</v>
          </cell>
        </row>
        <row r="564">
          <cell r="B564">
            <v>561</v>
          </cell>
          <cell r="D564" t="str">
            <v>雨水樋工</v>
          </cell>
          <cell r="E564" t="str">
            <v>VPφ100</v>
          </cell>
          <cell r="F564" t="str">
            <v>ルーフドレイン付</v>
          </cell>
          <cell r="G564" t="str">
            <v>箇所</v>
          </cell>
          <cell r="H564">
            <v>100000</v>
          </cell>
          <cell r="J564" t="str">
            <v>見積</v>
          </cell>
        </row>
        <row r="565">
          <cell r="B565">
            <v>562</v>
          </cell>
          <cell r="D565" t="str">
            <v>会所工</v>
          </cell>
          <cell r="E565" t="str">
            <v>□300×3000</v>
          </cell>
          <cell r="F565" t="str">
            <v>コンクリート二次製品</v>
          </cell>
          <cell r="G565" t="str">
            <v>箇所</v>
          </cell>
          <cell r="H565">
            <v>100000</v>
          </cell>
          <cell r="J565" t="str">
            <v>見積</v>
          </cell>
        </row>
        <row r="566">
          <cell r="B566">
            <v>563</v>
          </cell>
          <cell r="D566" t="str">
            <v>手摺工</v>
          </cell>
          <cell r="E566" t="str">
            <v>H=1100</v>
          </cell>
          <cell r="G566" t="str">
            <v>m</v>
          </cell>
          <cell r="H566">
            <v>45000</v>
          </cell>
          <cell r="J566" t="str">
            <v>見積</v>
          </cell>
        </row>
        <row r="567">
          <cell r="B567">
            <v>564</v>
          </cell>
          <cell r="D567" t="str">
            <v>手摺工</v>
          </cell>
          <cell r="H567">
            <v>0</v>
          </cell>
          <cell r="J567" t="str">
            <v>見積</v>
          </cell>
        </row>
        <row r="568">
          <cell r="B568">
            <v>565</v>
          </cell>
          <cell r="D568" t="str">
            <v>不断水割T字管</v>
          </cell>
          <cell r="E568" t="str">
            <v>鋼管用　800A×φ800</v>
          </cell>
          <cell r="F568" t="str">
            <v>バタフライ弁付</v>
          </cell>
          <cell r="G568" t="str">
            <v>基</v>
          </cell>
          <cell r="H568">
            <v>10600000</v>
          </cell>
          <cell r="J568" t="str">
            <v>見積</v>
          </cell>
          <cell r="L568">
            <v>10600000</v>
          </cell>
        </row>
        <row r="569">
          <cell r="B569">
            <v>566</v>
          </cell>
          <cell r="D569" t="str">
            <v>不断水割T字管設置工</v>
          </cell>
          <cell r="E569" t="str">
            <v>鋼管用　800A×φ800</v>
          </cell>
          <cell r="F569" t="str">
            <v>バタフライ弁付</v>
          </cell>
          <cell r="G569" t="str">
            <v>箇所</v>
          </cell>
          <cell r="H569">
            <v>5000000</v>
          </cell>
          <cell r="J569" t="str">
            <v>見積</v>
          </cell>
        </row>
        <row r="570">
          <cell r="B570">
            <v>567</v>
          </cell>
          <cell r="H570">
            <v>0</v>
          </cell>
        </row>
        <row r="571">
          <cell r="B571">
            <v>568</v>
          </cell>
          <cell r="H571">
            <v>0</v>
          </cell>
        </row>
        <row r="572">
          <cell r="B572">
            <v>569</v>
          </cell>
          <cell r="H572">
            <v>0</v>
          </cell>
        </row>
        <row r="573">
          <cell r="B573">
            <v>570</v>
          </cell>
          <cell r="H573">
            <v>0</v>
          </cell>
        </row>
        <row r="574">
          <cell r="B574">
            <v>571</v>
          </cell>
          <cell r="H574">
            <v>0</v>
          </cell>
        </row>
        <row r="575">
          <cell r="B575">
            <v>572</v>
          </cell>
          <cell r="H575">
            <v>0</v>
          </cell>
        </row>
        <row r="576">
          <cell r="B576">
            <v>573</v>
          </cell>
          <cell r="H576">
            <v>0</v>
          </cell>
        </row>
        <row r="577">
          <cell r="B577">
            <v>574</v>
          </cell>
          <cell r="H577">
            <v>0</v>
          </cell>
        </row>
        <row r="578">
          <cell r="B578">
            <v>575</v>
          </cell>
          <cell r="H578">
            <v>0</v>
          </cell>
        </row>
        <row r="579">
          <cell r="B579">
            <v>576</v>
          </cell>
          <cell r="H579">
            <v>0</v>
          </cell>
        </row>
        <row r="580">
          <cell r="B580">
            <v>577</v>
          </cell>
          <cell r="H580">
            <v>0</v>
          </cell>
        </row>
        <row r="581">
          <cell r="B581">
            <v>578</v>
          </cell>
          <cell r="H581">
            <v>0</v>
          </cell>
        </row>
        <row r="582">
          <cell r="B582">
            <v>579</v>
          </cell>
          <cell r="H582">
            <v>0</v>
          </cell>
        </row>
        <row r="583">
          <cell r="B583">
            <v>580</v>
          </cell>
          <cell r="H583">
            <v>0</v>
          </cell>
        </row>
        <row r="584">
          <cell r="B584">
            <v>581</v>
          </cell>
          <cell r="H584">
            <v>0</v>
          </cell>
        </row>
        <row r="585">
          <cell r="B585">
            <v>582</v>
          </cell>
          <cell r="H585">
            <v>0</v>
          </cell>
        </row>
        <row r="586">
          <cell r="B586">
            <v>583</v>
          </cell>
          <cell r="H586">
            <v>0</v>
          </cell>
        </row>
        <row r="587">
          <cell r="B587">
            <v>584</v>
          </cell>
          <cell r="H587">
            <v>0</v>
          </cell>
        </row>
        <row r="588">
          <cell r="B588">
            <v>585</v>
          </cell>
          <cell r="H588">
            <v>0</v>
          </cell>
        </row>
        <row r="589">
          <cell r="B589">
            <v>586</v>
          </cell>
          <cell r="H589">
            <v>0</v>
          </cell>
        </row>
        <row r="590">
          <cell r="B590">
            <v>587</v>
          </cell>
          <cell r="H590">
            <v>0</v>
          </cell>
        </row>
        <row r="591">
          <cell r="B591">
            <v>588</v>
          </cell>
          <cell r="H591">
            <v>0</v>
          </cell>
        </row>
        <row r="592">
          <cell r="B592">
            <v>589</v>
          </cell>
          <cell r="H592">
            <v>0</v>
          </cell>
        </row>
        <row r="593">
          <cell r="B593">
            <v>590</v>
          </cell>
          <cell r="H593">
            <v>0</v>
          </cell>
        </row>
        <row r="594">
          <cell r="B594">
            <v>591</v>
          </cell>
          <cell r="H594">
            <v>0</v>
          </cell>
        </row>
        <row r="595">
          <cell r="B595">
            <v>592</v>
          </cell>
          <cell r="H595">
            <v>0</v>
          </cell>
        </row>
        <row r="596">
          <cell r="B596">
            <v>593</v>
          </cell>
          <cell r="H596">
            <v>0</v>
          </cell>
        </row>
        <row r="597">
          <cell r="B597">
            <v>594</v>
          </cell>
          <cell r="H597">
            <v>0</v>
          </cell>
        </row>
        <row r="598">
          <cell r="B598">
            <v>595</v>
          </cell>
          <cell r="H598">
            <v>0</v>
          </cell>
        </row>
        <row r="599">
          <cell r="B599">
            <v>596</v>
          </cell>
          <cell r="H599">
            <v>0</v>
          </cell>
        </row>
        <row r="600">
          <cell r="B600">
            <v>597</v>
          </cell>
          <cell r="H600">
            <v>0</v>
          </cell>
        </row>
        <row r="601">
          <cell r="B601">
            <v>598</v>
          </cell>
          <cell r="H601">
            <v>0</v>
          </cell>
        </row>
        <row r="602">
          <cell r="B602">
            <v>599</v>
          </cell>
          <cell r="H602">
            <v>0</v>
          </cell>
        </row>
        <row r="603">
          <cell r="B603">
            <v>600</v>
          </cell>
          <cell r="H603">
            <v>0</v>
          </cell>
        </row>
        <row r="604">
          <cell r="B604">
            <v>601</v>
          </cell>
          <cell r="H604">
            <v>0</v>
          </cell>
        </row>
        <row r="605">
          <cell r="B605">
            <v>602</v>
          </cell>
          <cell r="H605">
            <v>0</v>
          </cell>
        </row>
        <row r="606">
          <cell r="B606">
            <v>603</v>
          </cell>
          <cell r="H606">
            <v>0</v>
          </cell>
        </row>
        <row r="607">
          <cell r="B607">
            <v>604</v>
          </cell>
          <cell r="H607">
            <v>0</v>
          </cell>
        </row>
        <row r="608">
          <cell r="B608">
            <v>605</v>
          </cell>
          <cell r="H608">
            <v>0</v>
          </cell>
        </row>
        <row r="609">
          <cell r="B609">
            <v>606</v>
          </cell>
          <cell r="H609">
            <v>0</v>
          </cell>
        </row>
        <row r="610">
          <cell r="B610">
            <v>607</v>
          </cell>
          <cell r="H610">
            <v>0</v>
          </cell>
        </row>
        <row r="611">
          <cell r="B611">
            <v>608</v>
          </cell>
          <cell r="H611">
            <v>0</v>
          </cell>
        </row>
        <row r="612">
          <cell r="B612">
            <v>609</v>
          </cell>
          <cell r="H612">
            <v>0</v>
          </cell>
        </row>
        <row r="613">
          <cell r="B613">
            <v>610</v>
          </cell>
          <cell r="H613">
            <v>0</v>
          </cell>
        </row>
        <row r="614">
          <cell r="B614">
            <v>611</v>
          </cell>
          <cell r="H614">
            <v>0</v>
          </cell>
        </row>
        <row r="615">
          <cell r="B615">
            <v>612</v>
          </cell>
          <cell r="H615">
            <v>0</v>
          </cell>
        </row>
        <row r="616">
          <cell r="B616">
            <v>613</v>
          </cell>
          <cell r="H616">
            <v>0</v>
          </cell>
        </row>
        <row r="617">
          <cell r="B617">
            <v>614</v>
          </cell>
          <cell r="H617">
            <v>0</v>
          </cell>
        </row>
        <row r="618">
          <cell r="B618">
            <v>615</v>
          </cell>
          <cell r="H618">
            <v>0</v>
          </cell>
        </row>
        <row r="619">
          <cell r="B619">
            <v>616</v>
          </cell>
          <cell r="H619">
            <v>0</v>
          </cell>
        </row>
        <row r="620">
          <cell r="B620">
            <v>617</v>
          </cell>
          <cell r="H620">
            <v>0</v>
          </cell>
        </row>
        <row r="621">
          <cell r="B621">
            <v>618</v>
          </cell>
          <cell r="H621">
            <v>0</v>
          </cell>
        </row>
        <row r="622">
          <cell r="B622">
            <v>619</v>
          </cell>
          <cell r="H622">
            <v>0</v>
          </cell>
        </row>
        <row r="623">
          <cell r="B623">
            <v>620</v>
          </cell>
          <cell r="H623">
            <v>0</v>
          </cell>
        </row>
        <row r="624">
          <cell r="B624">
            <v>621</v>
          </cell>
          <cell r="H624">
            <v>0</v>
          </cell>
        </row>
        <row r="625">
          <cell r="B625">
            <v>622</v>
          </cell>
          <cell r="H625">
            <v>0</v>
          </cell>
        </row>
        <row r="626">
          <cell r="B626">
            <v>623</v>
          </cell>
          <cell r="H626">
            <v>0</v>
          </cell>
        </row>
        <row r="627">
          <cell r="B627">
            <v>624</v>
          </cell>
          <cell r="H627">
            <v>0</v>
          </cell>
        </row>
        <row r="628">
          <cell r="B628">
            <v>625</v>
          </cell>
          <cell r="H628">
            <v>0</v>
          </cell>
        </row>
        <row r="629">
          <cell r="B629">
            <v>626</v>
          </cell>
          <cell r="H629">
            <v>0</v>
          </cell>
        </row>
        <row r="630">
          <cell r="B630">
            <v>627</v>
          </cell>
          <cell r="H630">
            <v>0</v>
          </cell>
        </row>
        <row r="631">
          <cell r="B631">
            <v>628</v>
          </cell>
          <cell r="H631">
            <v>0</v>
          </cell>
        </row>
        <row r="632">
          <cell r="B632">
            <v>629</v>
          </cell>
          <cell r="H632">
            <v>0</v>
          </cell>
        </row>
        <row r="633">
          <cell r="B633">
            <v>630</v>
          </cell>
          <cell r="H633">
            <v>0</v>
          </cell>
        </row>
        <row r="634">
          <cell r="B634">
            <v>631</v>
          </cell>
          <cell r="H634">
            <v>0</v>
          </cell>
        </row>
        <row r="635">
          <cell r="B635">
            <v>632</v>
          </cell>
          <cell r="H635">
            <v>0</v>
          </cell>
        </row>
        <row r="636">
          <cell r="B636">
            <v>633</v>
          </cell>
          <cell r="H636">
            <v>0</v>
          </cell>
        </row>
        <row r="637">
          <cell r="B637">
            <v>634</v>
          </cell>
          <cell r="H637">
            <v>0</v>
          </cell>
        </row>
        <row r="638">
          <cell r="B638">
            <v>635</v>
          </cell>
          <cell r="H638">
            <v>0</v>
          </cell>
        </row>
        <row r="639">
          <cell r="B639">
            <v>636</v>
          </cell>
          <cell r="H639">
            <v>0</v>
          </cell>
        </row>
        <row r="640">
          <cell r="B640">
            <v>637</v>
          </cell>
          <cell r="H640">
            <v>0</v>
          </cell>
        </row>
        <row r="641">
          <cell r="B641">
            <v>638</v>
          </cell>
          <cell r="H641">
            <v>0</v>
          </cell>
        </row>
        <row r="642">
          <cell r="B642">
            <v>639</v>
          </cell>
          <cell r="H642">
            <v>0</v>
          </cell>
        </row>
        <row r="643">
          <cell r="B643">
            <v>640</v>
          </cell>
          <cell r="H643">
            <v>0</v>
          </cell>
        </row>
        <row r="644">
          <cell r="B644">
            <v>641</v>
          </cell>
          <cell r="H644">
            <v>0</v>
          </cell>
        </row>
        <row r="645">
          <cell r="B645">
            <v>642</v>
          </cell>
          <cell r="H645">
            <v>0</v>
          </cell>
        </row>
        <row r="646">
          <cell r="B646">
            <v>643</v>
          </cell>
          <cell r="H646">
            <v>0</v>
          </cell>
        </row>
        <row r="647">
          <cell r="B647">
            <v>644</v>
          </cell>
          <cell r="H647">
            <v>0</v>
          </cell>
        </row>
        <row r="648">
          <cell r="B648">
            <v>645</v>
          </cell>
          <cell r="H648">
            <v>0</v>
          </cell>
        </row>
        <row r="649">
          <cell r="B649">
            <v>646</v>
          </cell>
          <cell r="H649">
            <v>0</v>
          </cell>
        </row>
        <row r="650">
          <cell r="B650">
            <v>647</v>
          </cell>
          <cell r="H650">
            <v>0</v>
          </cell>
        </row>
        <row r="651">
          <cell r="B651">
            <v>648</v>
          </cell>
          <cell r="H651">
            <v>0</v>
          </cell>
        </row>
        <row r="652">
          <cell r="B652">
            <v>649</v>
          </cell>
          <cell r="H652">
            <v>0</v>
          </cell>
        </row>
        <row r="653">
          <cell r="B653">
            <v>650</v>
          </cell>
          <cell r="H653">
            <v>0</v>
          </cell>
        </row>
        <row r="654">
          <cell r="B654">
            <v>651</v>
          </cell>
          <cell r="H654">
            <v>0</v>
          </cell>
        </row>
        <row r="655">
          <cell r="B655">
            <v>652</v>
          </cell>
          <cell r="H655">
            <v>0</v>
          </cell>
        </row>
        <row r="656">
          <cell r="B656">
            <v>653</v>
          </cell>
          <cell r="H656">
            <v>0</v>
          </cell>
        </row>
        <row r="657">
          <cell r="B657">
            <v>654</v>
          </cell>
          <cell r="H657">
            <v>0</v>
          </cell>
        </row>
        <row r="658">
          <cell r="B658">
            <v>655</v>
          </cell>
          <cell r="H658">
            <v>0</v>
          </cell>
        </row>
        <row r="659">
          <cell r="B659">
            <v>656</v>
          </cell>
          <cell r="H659">
            <v>0</v>
          </cell>
        </row>
        <row r="660">
          <cell r="B660">
            <v>657</v>
          </cell>
          <cell r="H660">
            <v>0</v>
          </cell>
        </row>
        <row r="661">
          <cell r="B661">
            <v>658</v>
          </cell>
          <cell r="H661">
            <v>0</v>
          </cell>
        </row>
        <row r="662">
          <cell r="B662">
            <v>659</v>
          </cell>
          <cell r="H662">
            <v>0</v>
          </cell>
        </row>
        <row r="663">
          <cell r="B663">
            <v>660</v>
          </cell>
          <cell r="H663">
            <v>0</v>
          </cell>
        </row>
        <row r="664">
          <cell r="B664">
            <v>661</v>
          </cell>
          <cell r="H664">
            <v>0</v>
          </cell>
        </row>
        <row r="665">
          <cell r="B665">
            <v>662</v>
          </cell>
          <cell r="H665">
            <v>0</v>
          </cell>
        </row>
        <row r="666">
          <cell r="B666">
            <v>663</v>
          </cell>
          <cell r="H666">
            <v>0</v>
          </cell>
        </row>
        <row r="667">
          <cell r="B667">
            <v>664</v>
          </cell>
          <cell r="H667">
            <v>0</v>
          </cell>
        </row>
        <row r="668">
          <cell r="B668">
            <v>665</v>
          </cell>
          <cell r="H668">
            <v>0</v>
          </cell>
        </row>
        <row r="669">
          <cell r="B669">
            <v>666</v>
          </cell>
          <cell r="H669">
            <v>0</v>
          </cell>
        </row>
        <row r="670">
          <cell r="B670">
            <v>667</v>
          </cell>
          <cell r="H670">
            <v>0</v>
          </cell>
        </row>
        <row r="671">
          <cell r="B671">
            <v>668</v>
          </cell>
          <cell r="H671">
            <v>0</v>
          </cell>
        </row>
        <row r="672">
          <cell r="B672">
            <v>669</v>
          </cell>
          <cell r="H672">
            <v>0</v>
          </cell>
        </row>
        <row r="673">
          <cell r="B673">
            <v>670</v>
          </cell>
          <cell r="H673">
            <v>0</v>
          </cell>
        </row>
        <row r="674">
          <cell r="B674">
            <v>671</v>
          </cell>
          <cell r="H674">
            <v>0</v>
          </cell>
        </row>
        <row r="675">
          <cell r="B675">
            <v>672</v>
          </cell>
          <cell r="H675">
            <v>0</v>
          </cell>
        </row>
        <row r="676">
          <cell r="B676">
            <v>673</v>
          </cell>
          <cell r="H676">
            <v>0</v>
          </cell>
        </row>
        <row r="677">
          <cell r="B677">
            <v>674</v>
          </cell>
          <cell r="H677">
            <v>0</v>
          </cell>
        </row>
        <row r="678">
          <cell r="B678">
            <v>675</v>
          </cell>
          <cell r="H678">
            <v>0</v>
          </cell>
        </row>
        <row r="679">
          <cell r="B679">
            <v>676</v>
          </cell>
          <cell r="H679">
            <v>0</v>
          </cell>
        </row>
        <row r="680">
          <cell r="B680">
            <v>677</v>
          </cell>
          <cell r="H680">
            <v>0</v>
          </cell>
        </row>
        <row r="681">
          <cell r="B681">
            <v>678</v>
          </cell>
          <cell r="H681">
            <v>0</v>
          </cell>
        </row>
        <row r="682">
          <cell r="B682">
            <v>679</v>
          </cell>
          <cell r="H682">
            <v>0</v>
          </cell>
        </row>
        <row r="683">
          <cell r="B683">
            <v>680</v>
          </cell>
          <cell r="H683">
            <v>0</v>
          </cell>
        </row>
        <row r="684">
          <cell r="B684">
            <v>681</v>
          </cell>
          <cell r="H684">
            <v>0</v>
          </cell>
        </row>
        <row r="685">
          <cell r="B685">
            <v>682</v>
          </cell>
          <cell r="H685">
            <v>0</v>
          </cell>
        </row>
        <row r="686">
          <cell r="B686">
            <v>683</v>
          </cell>
          <cell r="H686">
            <v>0</v>
          </cell>
        </row>
        <row r="687">
          <cell r="B687">
            <v>684</v>
          </cell>
          <cell r="H687">
            <v>0</v>
          </cell>
        </row>
        <row r="688">
          <cell r="B688">
            <v>685</v>
          </cell>
          <cell r="H688">
            <v>0</v>
          </cell>
        </row>
        <row r="689">
          <cell r="B689">
            <v>686</v>
          </cell>
          <cell r="H689">
            <v>0</v>
          </cell>
        </row>
        <row r="690">
          <cell r="B690">
            <v>687</v>
          </cell>
          <cell r="H690">
            <v>0</v>
          </cell>
        </row>
        <row r="691">
          <cell r="B691">
            <v>688</v>
          </cell>
          <cell r="H691">
            <v>0</v>
          </cell>
        </row>
        <row r="692">
          <cell r="B692">
            <v>689</v>
          </cell>
          <cell r="H692">
            <v>0</v>
          </cell>
        </row>
        <row r="693">
          <cell r="B693">
            <v>690</v>
          </cell>
          <cell r="H693">
            <v>0</v>
          </cell>
        </row>
        <row r="694">
          <cell r="B694">
            <v>691</v>
          </cell>
          <cell r="H694">
            <v>0</v>
          </cell>
        </row>
        <row r="695">
          <cell r="B695">
            <v>692</v>
          </cell>
          <cell r="H695">
            <v>0</v>
          </cell>
        </row>
        <row r="696">
          <cell r="B696">
            <v>693</v>
          </cell>
          <cell r="H696">
            <v>0</v>
          </cell>
        </row>
        <row r="697">
          <cell r="B697">
            <v>694</v>
          </cell>
          <cell r="H697">
            <v>0</v>
          </cell>
        </row>
        <row r="698">
          <cell r="B698">
            <v>695</v>
          </cell>
          <cell r="H698">
            <v>0</v>
          </cell>
        </row>
        <row r="699">
          <cell r="B699">
            <v>696</v>
          </cell>
          <cell r="H699">
            <v>0</v>
          </cell>
        </row>
        <row r="700">
          <cell r="B700">
            <v>697</v>
          </cell>
          <cell r="H700">
            <v>0</v>
          </cell>
        </row>
        <row r="701">
          <cell r="B701">
            <v>698</v>
          </cell>
          <cell r="H701">
            <v>0</v>
          </cell>
        </row>
        <row r="702">
          <cell r="B702">
            <v>699</v>
          </cell>
          <cell r="H702">
            <v>0</v>
          </cell>
        </row>
        <row r="703">
          <cell r="B703">
            <v>700</v>
          </cell>
          <cell r="H703">
            <v>0</v>
          </cell>
        </row>
        <row r="704">
          <cell r="B704">
            <v>701</v>
          </cell>
          <cell r="H704">
            <v>0</v>
          </cell>
        </row>
        <row r="705">
          <cell r="B705">
            <v>702</v>
          </cell>
          <cell r="H705">
            <v>0</v>
          </cell>
        </row>
        <row r="706">
          <cell r="B706">
            <v>703</v>
          </cell>
          <cell r="H706">
            <v>0</v>
          </cell>
        </row>
        <row r="707">
          <cell r="B707">
            <v>704</v>
          </cell>
          <cell r="H707">
            <v>0</v>
          </cell>
        </row>
        <row r="708">
          <cell r="B708">
            <v>705</v>
          </cell>
          <cell r="H708">
            <v>0</v>
          </cell>
        </row>
        <row r="709">
          <cell r="B709">
            <v>706</v>
          </cell>
          <cell r="H709">
            <v>0</v>
          </cell>
        </row>
        <row r="710">
          <cell r="B710">
            <v>707</v>
          </cell>
          <cell r="H710">
            <v>0</v>
          </cell>
        </row>
        <row r="711">
          <cell r="B711">
            <v>708</v>
          </cell>
          <cell r="H711">
            <v>0</v>
          </cell>
        </row>
        <row r="712">
          <cell r="B712">
            <v>709</v>
          </cell>
          <cell r="H712">
            <v>0</v>
          </cell>
        </row>
        <row r="713">
          <cell r="B713">
            <v>710</v>
          </cell>
          <cell r="H713">
            <v>0</v>
          </cell>
        </row>
        <row r="714">
          <cell r="B714">
            <v>711</v>
          </cell>
          <cell r="H714">
            <v>0</v>
          </cell>
        </row>
        <row r="715">
          <cell r="B715">
            <v>712</v>
          </cell>
          <cell r="H715">
            <v>0</v>
          </cell>
        </row>
        <row r="716">
          <cell r="B716">
            <v>713</v>
          </cell>
          <cell r="H716">
            <v>0</v>
          </cell>
        </row>
        <row r="717">
          <cell r="B717">
            <v>714</v>
          </cell>
          <cell r="H717">
            <v>0</v>
          </cell>
        </row>
        <row r="718">
          <cell r="B718">
            <v>715</v>
          </cell>
          <cell r="H718">
            <v>0</v>
          </cell>
        </row>
        <row r="719">
          <cell r="B719">
            <v>716</v>
          </cell>
          <cell r="H719">
            <v>0</v>
          </cell>
        </row>
        <row r="720">
          <cell r="B720">
            <v>717</v>
          </cell>
          <cell r="H720">
            <v>0</v>
          </cell>
        </row>
        <row r="721">
          <cell r="B721">
            <v>718</v>
          </cell>
          <cell r="H721">
            <v>0</v>
          </cell>
        </row>
        <row r="722">
          <cell r="B722">
            <v>719</v>
          </cell>
          <cell r="H722">
            <v>0</v>
          </cell>
        </row>
        <row r="723">
          <cell r="B723">
            <v>720</v>
          </cell>
          <cell r="H723">
            <v>0</v>
          </cell>
        </row>
        <row r="724">
          <cell r="B724">
            <v>721</v>
          </cell>
          <cell r="H724">
            <v>0</v>
          </cell>
        </row>
        <row r="725">
          <cell r="B725">
            <v>722</v>
          </cell>
          <cell r="H725">
            <v>0</v>
          </cell>
        </row>
        <row r="726">
          <cell r="B726">
            <v>723</v>
          </cell>
          <cell r="H726">
            <v>0</v>
          </cell>
        </row>
        <row r="727">
          <cell r="B727">
            <v>724</v>
          </cell>
          <cell r="H727">
            <v>0</v>
          </cell>
        </row>
        <row r="728">
          <cell r="B728">
            <v>725</v>
          </cell>
          <cell r="H728">
            <v>0</v>
          </cell>
        </row>
        <row r="729">
          <cell r="B729">
            <v>726</v>
          </cell>
          <cell r="H729">
            <v>0</v>
          </cell>
        </row>
        <row r="730">
          <cell r="B730">
            <v>727</v>
          </cell>
          <cell r="H730">
            <v>0</v>
          </cell>
        </row>
        <row r="731">
          <cell r="B731">
            <v>728</v>
          </cell>
          <cell r="H731">
            <v>0</v>
          </cell>
        </row>
        <row r="732">
          <cell r="B732">
            <v>729</v>
          </cell>
          <cell r="H732">
            <v>0</v>
          </cell>
        </row>
        <row r="733">
          <cell r="B733">
            <v>730</v>
          </cell>
          <cell r="H733">
            <v>0</v>
          </cell>
        </row>
        <row r="734">
          <cell r="B734">
            <v>731</v>
          </cell>
          <cell r="H734">
            <v>0</v>
          </cell>
        </row>
        <row r="735">
          <cell r="B735">
            <v>732</v>
          </cell>
          <cell r="H735">
            <v>0</v>
          </cell>
        </row>
        <row r="736">
          <cell r="B736">
            <v>733</v>
          </cell>
          <cell r="H736">
            <v>0</v>
          </cell>
        </row>
        <row r="737">
          <cell r="B737">
            <v>734</v>
          </cell>
          <cell r="H737">
            <v>0</v>
          </cell>
        </row>
        <row r="738">
          <cell r="B738">
            <v>735</v>
          </cell>
          <cell r="H738">
            <v>0</v>
          </cell>
        </row>
        <row r="739">
          <cell r="B739">
            <v>736</v>
          </cell>
          <cell r="H739">
            <v>0</v>
          </cell>
        </row>
        <row r="740">
          <cell r="B740">
            <v>737</v>
          </cell>
          <cell r="H740">
            <v>0</v>
          </cell>
        </row>
        <row r="741">
          <cell r="B741">
            <v>738</v>
          </cell>
          <cell r="H741">
            <v>0</v>
          </cell>
        </row>
        <row r="742">
          <cell r="B742">
            <v>739</v>
          </cell>
          <cell r="H742">
            <v>0</v>
          </cell>
        </row>
        <row r="743">
          <cell r="B743">
            <v>740</v>
          </cell>
          <cell r="H743">
            <v>0</v>
          </cell>
        </row>
        <row r="744">
          <cell r="B744">
            <v>741</v>
          </cell>
          <cell r="H744">
            <v>0</v>
          </cell>
        </row>
        <row r="745">
          <cell r="B745">
            <v>742</v>
          </cell>
          <cell r="H745">
            <v>0</v>
          </cell>
        </row>
        <row r="746">
          <cell r="B746">
            <v>743</v>
          </cell>
          <cell r="H746">
            <v>0</v>
          </cell>
        </row>
        <row r="747">
          <cell r="B747">
            <v>744</v>
          </cell>
          <cell r="H747">
            <v>0</v>
          </cell>
        </row>
        <row r="748">
          <cell r="B748">
            <v>745</v>
          </cell>
          <cell r="H748">
            <v>0</v>
          </cell>
        </row>
        <row r="749">
          <cell r="B749">
            <v>746</v>
          </cell>
          <cell r="H749">
            <v>0</v>
          </cell>
        </row>
        <row r="750">
          <cell r="B750">
            <v>747</v>
          </cell>
          <cell r="H750">
            <v>0</v>
          </cell>
        </row>
        <row r="751">
          <cell r="B751">
            <v>748</v>
          </cell>
          <cell r="H751">
            <v>0</v>
          </cell>
        </row>
        <row r="752">
          <cell r="B752">
            <v>749</v>
          </cell>
          <cell r="H752">
            <v>0</v>
          </cell>
        </row>
        <row r="753">
          <cell r="B753">
            <v>750</v>
          </cell>
          <cell r="H753">
            <v>0</v>
          </cell>
        </row>
        <row r="754">
          <cell r="B754">
            <v>751</v>
          </cell>
          <cell r="H754">
            <v>0</v>
          </cell>
        </row>
        <row r="755">
          <cell r="B755">
            <v>752</v>
          </cell>
          <cell r="H755">
            <v>0</v>
          </cell>
        </row>
        <row r="756">
          <cell r="B756">
            <v>753</v>
          </cell>
          <cell r="H756">
            <v>0</v>
          </cell>
        </row>
        <row r="757">
          <cell r="B757">
            <v>754</v>
          </cell>
          <cell r="H757">
            <v>0</v>
          </cell>
        </row>
        <row r="758">
          <cell r="B758">
            <v>755</v>
          </cell>
          <cell r="H758">
            <v>0</v>
          </cell>
        </row>
        <row r="759">
          <cell r="B759">
            <v>756</v>
          </cell>
          <cell r="H759">
            <v>0</v>
          </cell>
        </row>
        <row r="760">
          <cell r="B760">
            <v>757</v>
          </cell>
          <cell r="H760">
            <v>0</v>
          </cell>
        </row>
        <row r="761">
          <cell r="B761">
            <v>758</v>
          </cell>
          <cell r="H761">
            <v>0</v>
          </cell>
        </row>
        <row r="762">
          <cell r="B762">
            <v>759</v>
          </cell>
          <cell r="H762">
            <v>0</v>
          </cell>
        </row>
        <row r="763">
          <cell r="B763">
            <v>760</v>
          </cell>
          <cell r="H763">
            <v>0</v>
          </cell>
        </row>
        <row r="764">
          <cell r="B764">
            <v>761</v>
          </cell>
          <cell r="H764">
            <v>0</v>
          </cell>
        </row>
        <row r="765">
          <cell r="B765">
            <v>762</v>
          </cell>
          <cell r="H765">
            <v>0</v>
          </cell>
        </row>
        <row r="766">
          <cell r="B766">
            <v>763</v>
          </cell>
          <cell r="H766">
            <v>0</v>
          </cell>
        </row>
        <row r="767">
          <cell r="B767">
            <v>764</v>
          </cell>
          <cell r="H767">
            <v>0</v>
          </cell>
        </row>
        <row r="768">
          <cell r="B768">
            <v>765</v>
          </cell>
          <cell r="H768">
            <v>0</v>
          </cell>
        </row>
        <row r="769">
          <cell r="B769">
            <v>766</v>
          </cell>
          <cell r="H769">
            <v>0</v>
          </cell>
        </row>
        <row r="770">
          <cell r="B770">
            <v>767</v>
          </cell>
          <cell r="H770">
            <v>0</v>
          </cell>
        </row>
        <row r="771">
          <cell r="B771">
            <v>768</v>
          </cell>
          <cell r="H771">
            <v>0</v>
          </cell>
        </row>
        <row r="772">
          <cell r="B772">
            <v>769</v>
          </cell>
          <cell r="H772">
            <v>0</v>
          </cell>
        </row>
        <row r="773">
          <cell r="B773">
            <v>770</v>
          </cell>
          <cell r="H773">
            <v>0</v>
          </cell>
        </row>
        <row r="774">
          <cell r="B774">
            <v>771</v>
          </cell>
          <cell r="H774">
            <v>0</v>
          </cell>
        </row>
        <row r="775">
          <cell r="B775">
            <v>772</v>
          </cell>
          <cell r="H775">
            <v>0</v>
          </cell>
        </row>
        <row r="776">
          <cell r="B776">
            <v>773</v>
          </cell>
          <cell r="H776">
            <v>0</v>
          </cell>
        </row>
        <row r="777">
          <cell r="B777">
            <v>774</v>
          </cell>
          <cell r="H777">
            <v>0</v>
          </cell>
        </row>
        <row r="778">
          <cell r="B778">
            <v>775</v>
          </cell>
          <cell r="H778">
            <v>0</v>
          </cell>
        </row>
        <row r="779">
          <cell r="B779">
            <v>776</v>
          </cell>
          <cell r="H779">
            <v>0</v>
          </cell>
        </row>
        <row r="780">
          <cell r="B780">
            <v>777</v>
          </cell>
          <cell r="H780">
            <v>0</v>
          </cell>
        </row>
        <row r="781">
          <cell r="B781">
            <v>778</v>
          </cell>
          <cell r="H781">
            <v>0</v>
          </cell>
        </row>
        <row r="782">
          <cell r="B782">
            <v>779</v>
          </cell>
          <cell r="H782">
            <v>0</v>
          </cell>
        </row>
        <row r="783">
          <cell r="B783">
            <v>780</v>
          </cell>
          <cell r="H783">
            <v>0</v>
          </cell>
        </row>
        <row r="784">
          <cell r="B784">
            <v>781</v>
          </cell>
          <cell r="H784">
            <v>0</v>
          </cell>
        </row>
        <row r="785">
          <cell r="B785">
            <v>782</v>
          </cell>
          <cell r="H785">
            <v>0</v>
          </cell>
        </row>
        <row r="786">
          <cell r="B786">
            <v>783</v>
          </cell>
          <cell r="H786">
            <v>0</v>
          </cell>
        </row>
        <row r="787">
          <cell r="B787">
            <v>784</v>
          </cell>
          <cell r="H787">
            <v>0</v>
          </cell>
        </row>
        <row r="788">
          <cell r="B788">
            <v>785</v>
          </cell>
          <cell r="H788">
            <v>0</v>
          </cell>
        </row>
        <row r="789">
          <cell r="B789">
            <v>786</v>
          </cell>
          <cell r="H789">
            <v>0</v>
          </cell>
        </row>
        <row r="790">
          <cell r="B790">
            <v>787</v>
          </cell>
          <cell r="H790">
            <v>0</v>
          </cell>
        </row>
        <row r="791">
          <cell r="B791">
            <v>788</v>
          </cell>
          <cell r="H791">
            <v>0</v>
          </cell>
        </row>
        <row r="792">
          <cell r="B792">
            <v>789</v>
          </cell>
          <cell r="H792">
            <v>0</v>
          </cell>
        </row>
        <row r="793">
          <cell r="B793">
            <v>790</v>
          </cell>
          <cell r="H793">
            <v>0</v>
          </cell>
        </row>
        <row r="794">
          <cell r="B794">
            <v>791</v>
          </cell>
          <cell r="H794">
            <v>0</v>
          </cell>
        </row>
        <row r="795">
          <cell r="B795">
            <v>792</v>
          </cell>
          <cell r="H795">
            <v>0</v>
          </cell>
        </row>
        <row r="796">
          <cell r="B796">
            <v>793</v>
          </cell>
          <cell r="H796">
            <v>0</v>
          </cell>
        </row>
        <row r="797">
          <cell r="B797">
            <v>794</v>
          </cell>
          <cell r="H797">
            <v>0</v>
          </cell>
        </row>
        <row r="798">
          <cell r="B798">
            <v>795</v>
          </cell>
          <cell r="H798">
            <v>0</v>
          </cell>
        </row>
        <row r="799">
          <cell r="B799">
            <v>796</v>
          </cell>
          <cell r="H799">
            <v>0</v>
          </cell>
        </row>
        <row r="800">
          <cell r="B800">
            <v>797</v>
          </cell>
          <cell r="H800">
            <v>0</v>
          </cell>
        </row>
        <row r="801">
          <cell r="B801">
            <v>798</v>
          </cell>
          <cell r="H801">
            <v>0</v>
          </cell>
        </row>
        <row r="802">
          <cell r="B802">
            <v>799</v>
          </cell>
          <cell r="H802">
            <v>0</v>
          </cell>
        </row>
        <row r="803">
          <cell r="B803">
            <v>800</v>
          </cell>
          <cell r="H803">
            <v>0</v>
          </cell>
        </row>
        <row r="804">
          <cell r="B804">
            <v>801</v>
          </cell>
          <cell r="H804">
            <v>0</v>
          </cell>
        </row>
        <row r="805">
          <cell r="B805">
            <v>802</v>
          </cell>
          <cell r="H805">
            <v>0</v>
          </cell>
        </row>
        <row r="806">
          <cell r="B806">
            <v>803</v>
          </cell>
          <cell r="H806">
            <v>0</v>
          </cell>
        </row>
        <row r="807">
          <cell r="B807">
            <v>804</v>
          </cell>
          <cell r="H807">
            <v>0</v>
          </cell>
        </row>
        <row r="808">
          <cell r="B808">
            <v>805</v>
          </cell>
          <cell r="H808">
            <v>0</v>
          </cell>
        </row>
        <row r="809">
          <cell r="B809">
            <v>806</v>
          </cell>
          <cell r="H809">
            <v>0</v>
          </cell>
        </row>
        <row r="810">
          <cell r="B810">
            <v>807</v>
          </cell>
          <cell r="H810">
            <v>0</v>
          </cell>
        </row>
        <row r="811">
          <cell r="B811">
            <v>808</v>
          </cell>
          <cell r="H811">
            <v>0</v>
          </cell>
        </row>
        <row r="812">
          <cell r="B812">
            <v>809</v>
          </cell>
          <cell r="H812">
            <v>0</v>
          </cell>
        </row>
        <row r="813">
          <cell r="B813">
            <v>810</v>
          </cell>
          <cell r="H813">
            <v>0</v>
          </cell>
        </row>
        <row r="814">
          <cell r="B814">
            <v>811</v>
          </cell>
          <cell r="H814">
            <v>0</v>
          </cell>
        </row>
        <row r="815">
          <cell r="B815">
            <v>812</v>
          </cell>
          <cell r="H815">
            <v>0</v>
          </cell>
        </row>
        <row r="816">
          <cell r="B816">
            <v>813</v>
          </cell>
          <cell r="H816">
            <v>0</v>
          </cell>
        </row>
        <row r="817">
          <cell r="B817">
            <v>814</v>
          </cell>
          <cell r="H817">
            <v>0</v>
          </cell>
        </row>
        <row r="818">
          <cell r="B818">
            <v>815</v>
          </cell>
          <cell r="H818">
            <v>0</v>
          </cell>
        </row>
        <row r="819">
          <cell r="B819">
            <v>816</v>
          </cell>
          <cell r="H819">
            <v>0</v>
          </cell>
        </row>
        <row r="820">
          <cell r="B820">
            <v>817</v>
          </cell>
          <cell r="H820">
            <v>0</v>
          </cell>
        </row>
        <row r="821">
          <cell r="B821">
            <v>818</v>
          </cell>
          <cell r="H821">
            <v>0</v>
          </cell>
        </row>
        <row r="822">
          <cell r="B822">
            <v>819</v>
          </cell>
          <cell r="H822">
            <v>0</v>
          </cell>
        </row>
        <row r="823">
          <cell r="B823">
            <v>820</v>
          </cell>
          <cell r="H823">
            <v>0</v>
          </cell>
        </row>
        <row r="824">
          <cell r="B824">
            <v>821</v>
          </cell>
          <cell r="H824">
            <v>0</v>
          </cell>
        </row>
        <row r="825">
          <cell r="B825">
            <v>822</v>
          </cell>
          <cell r="H825">
            <v>0</v>
          </cell>
        </row>
        <row r="826">
          <cell r="B826">
            <v>823</v>
          </cell>
          <cell r="H826">
            <v>0</v>
          </cell>
        </row>
        <row r="827">
          <cell r="B827">
            <v>824</v>
          </cell>
          <cell r="H827">
            <v>0</v>
          </cell>
        </row>
        <row r="828">
          <cell r="B828">
            <v>825</v>
          </cell>
          <cell r="H828">
            <v>0</v>
          </cell>
        </row>
        <row r="829">
          <cell r="B829">
            <v>826</v>
          </cell>
          <cell r="H829">
            <v>0</v>
          </cell>
        </row>
        <row r="830">
          <cell r="B830">
            <v>827</v>
          </cell>
          <cell r="H830">
            <v>0</v>
          </cell>
        </row>
        <row r="831">
          <cell r="B831">
            <v>828</v>
          </cell>
          <cell r="H831">
            <v>0</v>
          </cell>
        </row>
        <row r="832">
          <cell r="B832">
            <v>829</v>
          </cell>
          <cell r="H832">
            <v>0</v>
          </cell>
        </row>
        <row r="833">
          <cell r="B833">
            <v>830</v>
          </cell>
          <cell r="H833">
            <v>0</v>
          </cell>
        </row>
        <row r="834">
          <cell r="B834">
            <v>831</v>
          </cell>
          <cell r="H834">
            <v>0</v>
          </cell>
        </row>
        <row r="835">
          <cell r="B835">
            <v>832</v>
          </cell>
          <cell r="H835">
            <v>0</v>
          </cell>
        </row>
        <row r="836">
          <cell r="B836">
            <v>833</v>
          </cell>
          <cell r="H836">
            <v>0</v>
          </cell>
        </row>
        <row r="837">
          <cell r="B837">
            <v>834</v>
          </cell>
          <cell r="H837">
            <v>0</v>
          </cell>
        </row>
        <row r="838">
          <cell r="B838">
            <v>835</v>
          </cell>
          <cell r="H838">
            <v>0</v>
          </cell>
        </row>
        <row r="839">
          <cell r="B839">
            <v>836</v>
          </cell>
          <cell r="H839">
            <v>0</v>
          </cell>
        </row>
        <row r="840">
          <cell r="B840">
            <v>837</v>
          </cell>
          <cell r="H840">
            <v>0</v>
          </cell>
        </row>
        <row r="841">
          <cell r="B841">
            <v>838</v>
          </cell>
          <cell r="H841">
            <v>0</v>
          </cell>
        </row>
        <row r="842">
          <cell r="B842">
            <v>839</v>
          </cell>
          <cell r="H842">
            <v>0</v>
          </cell>
        </row>
        <row r="843">
          <cell r="B843">
            <v>840</v>
          </cell>
          <cell r="H843">
            <v>0</v>
          </cell>
        </row>
        <row r="844">
          <cell r="B844">
            <v>841</v>
          </cell>
          <cell r="H844">
            <v>0</v>
          </cell>
        </row>
        <row r="845">
          <cell r="B845">
            <v>842</v>
          </cell>
          <cell r="H845">
            <v>0</v>
          </cell>
        </row>
        <row r="846">
          <cell r="B846">
            <v>843</v>
          </cell>
          <cell r="H846">
            <v>0</v>
          </cell>
        </row>
        <row r="847">
          <cell r="B847">
            <v>844</v>
          </cell>
          <cell r="H847">
            <v>0</v>
          </cell>
        </row>
        <row r="848">
          <cell r="B848">
            <v>845</v>
          </cell>
          <cell r="H848">
            <v>0</v>
          </cell>
        </row>
        <row r="849">
          <cell r="B849">
            <v>846</v>
          </cell>
          <cell r="H849">
            <v>0</v>
          </cell>
        </row>
        <row r="850">
          <cell r="B850">
            <v>847</v>
          </cell>
          <cell r="H850">
            <v>0</v>
          </cell>
        </row>
        <row r="851">
          <cell r="B851">
            <v>848</v>
          </cell>
          <cell r="H851">
            <v>0</v>
          </cell>
        </row>
        <row r="852">
          <cell r="B852">
            <v>849</v>
          </cell>
          <cell r="H852">
            <v>0</v>
          </cell>
        </row>
        <row r="853">
          <cell r="B853">
            <v>850</v>
          </cell>
          <cell r="H853">
            <v>0</v>
          </cell>
        </row>
        <row r="854">
          <cell r="B854">
            <v>851</v>
          </cell>
          <cell r="H854">
            <v>0</v>
          </cell>
        </row>
        <row r="855">
          <cell r="B855">
            <v>852</v>
          </cell>
          <cell r="H855">
            <v>0</v>
          </cell>
        </row>
        <row r="856">
          <cell r="B856">
            <v>853</v>
          </cell>
          <cell r="H856">
            <v>0</v>
          </cell>
        </row>
        <row r="857">
          <cell r="B857">
            <v>854</v>
          </cell>
          <cell r="H857">
            <v>0</v>
          </cell>
        </row>
        <row r="858">
          <cell r="B858">
            <v>855</v>
          </cell>
          <cell r="H858">
            <v>0</v>
          </cell>
        </row>
        <row r="859">
          <cell r="B859">
            <v>856</v>
          </cell>
          <cell r="H859">
            <v>0</v>
          </cell>
        </row>
        <row r="860">
          <cell r="B860">
            <v>857</v>
          </cell>
          <cell r="H860">
            <v>0</v>
          </cell>
        </row>
        <row r="861">
          <cell r="B861">
            <v>858</v>
          </cell>
          <cell r="H861">
            <v>0</v>
          </cell>
        </row>
        <row r="862">
          <cell r="B862">
            <v>859</v>
          </cell>
          <cell r="H862">
            <v>0</v>
          </cell>
        </row>
        <row r="863">
          <cell r="B863">
            <v>860</v>
          </cell>
          <cell r="H863">
            <v>0</v>
          </cell>
        </row>
        <row r="864">
          <cell r="B864">
            <v>861</v>
          </cell>
          <cell r="H864">
            <v>0</v>
          </cell>
        </row>
        <row r="865">
          <cell r="B865">
            <v>862</v>
          </cell>
          <cell r="H865">
            <v>0</v>
          </cell>
        </row>
        <row r="866">
          <cell r="B866">
            <v>863</v>
          </cell>
          <cell r="H866">
            <v>0</v>
          </cell>
        </row>
        <row r="867">
          <cell r="B867">
            <v>864</v>
          </cell>
          <cell r="H867">
            <v>0</v>
          </cell>
        </row>
        <row r="868">
          <cell r="B868">
            <v>865</v>
          </cell>
          <cell r="H868">
            <v>0</v>
          </cell>
        </row>
        <row r="869">
          <cell r="B869">
            <v>866</v>
          </cell>
          <cell r="H869">
            <v>0</v>
          </cell>
        </row>
        <row r="870">
          <cell r="B870">
            <v>867</v>
          </cell>
          <cell r="H870">
            <v>0</v>
          </cell>
        </row>
        <row r="871">
          <cell r="B871">
            <v>868</v>
          </cell>
          <cell r="H871">
            <v>0</v>
          </cell>
        </row>
        <row r="872">
          <cell r="B872">
            <v>869</v>
          </cell>
          <cell r="H872">
            <v>0</v>
          </cell>
        </row>
        <row r="873">
          <cell r="B873">
            <v>870</v>
          </cell>
          <cell r="H873">
            <v>0</v>
          </cell>
        </row>
        <row r="874">
          <cell r="B874">
            <v>871</v>
          </cell>
          <cell r="H874">
            <v>0</v>
          </cell>
        </row>
        <row r="875">
          <cell r="B875">
            <v>872</v>
          </cell>
          <cell r="H875">
            <v>0</v>
          </cell>
        </row>
        <row r="876">
          <cell r="B876">
            <v>873</v>
          </cell>
          <cell r="H876">
            <v>0</v>
          </cell>
        </row>
        <row r="877">
          <cell r="B877">
            <v>874</v>
          </cell>
          <cell r="H877">
            <v>0</v>
          </cell>
        </row>
        <row r="878">
          <cell r="B878">
            <v>875</v>
          </cell>
          <cell r="H878">
            <v>0</v>
          </cell>
        </row>
        <row r="879">
          <cell r="B879">
            <v>876</v>
          </cell>
          <cell r="H879">
            <v>0</v>
          </cell>
        </row>
        <row r="880">
          <cell r="B880">
            <v>877</v>
          </cell>
          <cell r="H880">
            <v>0</v>
          </cell>
        </row>
        <row r="881">
          <cell r="B881">
            <v>878</v>
          </cell>
          <cell r="H881">
            <v>0</v>
          </cell>
        </row>
        <row r="882">
          <cell r="B882">
            <v>879</v>
          </cell>
          <cell r="H882">
            <v>0</v>
          </cell>
        </row>
        <row r="883">
          <cell r="B883">
            <v>880</v>
          </cell>
          <cell r="H883">
            <v>0</v>
          </cell>
        </row>
        <row r="884">
          <cell r="B884">
            <v>881</v>
          </cell>
          <cell r="H884">
            <v>0</v>
          </cell>
        </row>
        <row r="885">
          <cell r="B885">
            <v>882</v>
          </cell>
          <cell r="H885">
            <v>0</v>
          </cell>
        </row>
        <row r="886">
          <cell r="B886">
            <v>883</v>
          </cell>
          <cell r="H886">
            <v>0</v>
          </cell>
        </row>
        <row r="887">
          <cell r="B887">
            <v>884</v>
          </cell>
          <cell r="H887">
            <v>0</v>
          </cell>
        </row>
        <row r="888">
          <cell r="B888">
            <v>885</v>
          </cell>
          <cell r="H888">
            <v>0</v>
          </cell>
        </row>
        <row r="889">
          <cell r="B889">
            <v>886</v>
          </cell>
          <cell r="H889">
            <v>0</v>
          </cell>
        </row>
        <row r="890">
          <cell r="B890">
            <v>887</v>
          </cell>
          <cell r="H890">
            <v>0</v>
          </cell>
        </row>
        <row r="891">
          <cell r="B891">
            <v>888</v>
          </cell>
          <cell r="H891">
            <v>0</v>
          </cell>
        </row>
        <row r="892">
          <cell r="B892">
            <v>889</v>
          </cell>
          <cell r="H892">
            <v>0</v>
          </cell>
        </row>
        <row r="893">
          <cell r="B893">
            <v>890</v>
          </cell>
          <cell r="H893">
            <v>0</v>
          </cell>
        </row>
        <row r="894">
          <cell r="B894">
            <v>891</v>
          </cell>
          <cell r="H894">
            <v>0</v>
          </cell>
        </row>
        <row r="895">
          <cell r="B895">
            <v>892</v>
          </cell>
          <cell r="H895">
            <v>0</v>
          </cell>
        </row>
        <row r="896">
          <cell r="B896">
            <v>893</v>
          </cell>
          <cell r="H896">
            <v>0</v>
          </cell>
        </row>
        <row r="897">
          <cell r="B897">
            <v>894</v>
          </cell>
          <cell r="H897">
            <v>0</v>
          </cell>
        </row>
        <row r="898">
          <cell r="B898">
            <v>895</v>
          </cell>
          <cell r="H898">
            <v>0</v>
          </cell>
        </row>
        <row r="899">
          <cell r="B899">
            <v>896</v>
          </cell>
          <cell r="H899">
            <v>0</v>
          </cell>
        </row>
        <row r="900">
          <cell r="B900">
            <v>897</v>
          </cell>
          <cell r="H900">
            <v>0</v>
          </cell>
        </row>
        <row r="901">
          <cell r="B901">
            <v>898</v>
          </cell>
          <cell r="H901">
            <v>0</v>
          </cell>
        </row>
        <row r="902">
          <cell r="B902">
            <v>899</v>
          </cell>
          <cell r="H902">
            <v>0</v>
          </cell>
        </row>
        <row r="903">
          <cell r="B903">
            <v>900</v>
          </cell>
          <cell r="H903">
            <v>0</v>
          </cell>
        </row>
        <row r="904">
          <cell r="B904">
            <v>901</v>
          </cell>
          <cell r="H904">
            <v>0</v>
          </cell>
        </row>
        <row r="905">
          <cell r="B905">
            <v>902</v>
          </cell>
          <cell r="H905">
            <v>0</v>
          </cell>
        </row>
        <row r="906">
          <cell r="B906">
            <v>903</v>
          </cell>
          <cell r="H906">
            <v>0</v>
          </cell>
        </row>
        <row r="907">
          <cell r="B907">
            <v>904</v>
          </cell>
          <cell r="H907">
            <v>0</v>
          </cell>
        </row>
        <row r="908">
          <cell r="B908">
            <v>905</v>
          </cell>
          <cell r="H908">
            <v>0</v>
          </cell>
        </row>
        <row r="909">
          <cell r="B909">
            <v>906</v>
          </cell>
          <cell r="H909">
            <v>0</v>
          </cell>
        </row>
        <row r="910">
          <cell r="B910">
            <v>907</v>
          </cell>
          <cell r="H910">
            <v>0</v>
          </cell>
        </row>
        <row r="911">
          <cell r="B911">
            <v>908</v>
          </cell>
          <cell r="H911">
            <v>0</v>
          </cell>
        </row>
        <row r="912">
          <cell r="B912">
            <v>909</v>
          </cell>
          <cell r="H912">
            <v>0</v>
          </cell>
        </row>
        <row r="913">
          <cell r="B913">
            <v>910</v>
          </cell>
          <cell r="H913">
            <v>0</v>
          </cell>
        </row>
        <row r="914">
          <cell r="B914">
            <v>911</v>
          </cell>
          <cell r="H914">
            <v>0</v>
          </cell>
        </row>
        <row r="915">
          <cell r="B915">
            <v>912</v>
          </cell>
          <cell r="H915">
            <v>0</v>
          </cell>
        </row>
        <row r="916">
          <cell r="B916">
            <v>913</v>
          </cell>
          <cell r="H916">
            <v>0</v>
          </cell>
        </row>
        <row r="917">
          <cell r="B917">
            <v>914</v>
          </cell>
          <cell r="H917">
            <v>0</v>
          </cell>
        </row>
        <row r="918">
          <cell r="B918">
            <v>915</v>
          </cell>
          <cell r="H918">
            <v>0</v>
          </cell>
        </row>
        <row r="919">
          <cell r="B919">
            <v>916</v>
          </cell>
          <cell r="H919">
            <v>0</v>
          </cell>
        </row>
        <row r="920">
          <cell r="B920">
            <v>917</v>
          </cell>
          <cell r="H920">
            <v>0</v>
          </cell>
        </row>
        <row r="921">
          <cell r="B921">
            <v>918</v>
          </cell>
          <cell r="H921">
            <v>0</v>
          </cell>
        </row>
        <row r="922">
          <cell r="B922">
            <v>919</v>
          </cell>
          <cell r="H922">
            <v>0</v>
          </cell>
        </row>
        <row r="923">
          <cell r="B923">
            <v>920</v>
          </cell>
          <cell r="H923">
            <v>0</v>
          </cell>
        </row>
        <row r="924">
          <cell r="B924">
            <v>921</v>
          </cell>
          <cell r="H924">
            <v>0</v>
          </cell>
        </row>
        <row r="925">
          <cell r="B925">
            <v>922</v>
          </cell>
          <cell r="H925">
            <v>0</v>
          </cell>
        </row>
        <row r="926">
          <cell r="B926">
            <v>923</v>
          </cell>
          <cell r="H926">
            <v>0</v>
          </cell>
        </row>
        <row r="927">
          <cell r="B927">
            <v>924</v>
          </cell>
          <cell r="H927">
            <v>0</v>
          </cell>
        </row>
        <row r="928">
          <cell r="B928">
            <v>925</v>
          </cell>
          <cell r="H928">
            <v>0</v>
          </cell>
        </row>
        <row r="929">
          <cell r="B929">
            <v>926</v>
          </cell>
          <cell r="H929">
            <v>0</v>
          </cell>
        </row>
        <row r="930">
          <cell r="B930">
            <v>927</v>
          </cell>
          <cell r="H930">
            <v>0</v>
          </cell>
        </row>
        <row r="931">
          <cell r="B931">
            <v>928</v>
          </cell>
          <cell r="H931">
            <v>0</v>
          </cell>
        </row>
        <row r="932">
          <cell r="B932">
            <v>929</v>
          </cell>
          <cell r="H932">
            <v>0</v>
          </cell>
        </row>
        <row r="933">
          <cell r="B933">
            <v>930</v>
          </cell>
          <cell r="H933">
            <v>0</v>
          </cell>
        </row>
        <row r="934">
          <cell r="B934">
            <v>931</v>
          </cell>
          <cell r="H934">
            <v>0</v>
          </cell>
        </row>
        <row r="935">
          <cell r="B935">
            <v>932</v>
          </cell>
          <cell r="H935">
            <v>0</v>
          </cell>
        </row>
        <row r="936">
          <cell r="B936">
            <v>933</v>
          </cell>
          <cell r="H936">
            <v>0</v>
          </cell>
        </row>
        <row r="937">
          <cell r="B937">
            <v>934</v>
          </cell>
          <cell r="H937">
            <v>0</v>
          </cell>
        </row>
        <row r="938">
          <cell r="B938">
            <v>935</v>
          </cell>
          <cell r="H938">
            <v>0</v>
          </cell>
        </row>
        <row r="939">
          <cell r="B939">
            <v>936</v>
          </cell>
          <cell r="H939">
            <v>0</v>
          </cell>
        </row>
        <row r="940">
          <cell r="B940">
            <v>937</v>
          </cell>
          <cell r="H940">
            <v>0</v>
          </cell>
        </row>
        <row r="941">
          <cell r="B941">
            <v>938</v>
          </cell>
          <cell r="H941">
            <v>0</v>
          </cell>
        </row>
        <row r="942">
          <cell r="B942">
            <v>939</v>
          </cell>
          <cell r="H942">
            <v>0</v>
          </cell>
        </row>
        <row r="943">
          <cell r="B943">
            <v>940</v>
          </cell>
          <cell r="H943">
            <v>0</v>
          </cell>
        </row>
        <row r="944">
          <cell r="B944">
            <v>941</v>
          </cell>
          <cell r="H944">
            <v>0</v>
          </cell>
        </row>
        <row r="945">
          <cell r="B945">
            <v>942</v>
          </cell>
          <cell r="H945">
            <v>0</v>
          </cell>
        </row>
        <row r="946">
          <cell r="B946">
            <v>943</v>
          </cell>
          <cell r="H946">
            <v>0</v>
          </cell>
        </row>
        <row r="947">
          <cell r="B947">
            <v>944</v>
          </cell>
          <cell r="H947">
            <v>0</v>
          </cell>
        </row>
        <row r="948">
          <cell r="B948">
            <v>945</v>
          </cell>
          <cell r="H948">
            <v>0</v>
          </cell>
        </row>
        <row r="949">
          <cell r="B949">
            <v>946</v>
          </cell>
          <cell r="H949">
            <v>0</v>
          </cell>
        </row>
        <row r="950">
          <cell r="B950">
            <v>947</v>
          </cell>
          <cell r="H950">
            <v>0</v>
          </cell>
        </row>
        <row r="951">
          <cell r="B951">
            <v>948</v>
          </cell>
          <cell r="H951">
            <v>0</v>
          </cell>
        </row>
        <row r="952">
          <cell r="B952">
            <v>949</v>
          </cell>
          <cell r="H952">
            <v>0</v>
          </cell>
        </row>
        <row r="953">
          <cell r="B953">
            <v>950</v>
          </cell>
          <cell r="H953">
            <v>0</v>
          </cell>
        </row>
        <row r="954">
          <cell r="B954">
            <v>951</v>
          </cell>
          <cell r="H954">
            <v>0</v>
          </cell>
        </row>
        <row r="955">
          <cell r="B955">
            <v>952</v>
          </cell>
          <cell r="H955">
            <v>0</v>
          </cell>
        </row>
        <row r="956">
          <cell r="B956">
            <v>953</v>
          </cell>
          <cell r="H956">
            <v>0</v>
          </cell>
        </row>
        <row r="957">
          <cell r="B957">
            <v>954</v>
          </cell>
          <cell r="H957">
            <v>0</v>
          </cell>
        </row>
        <row r="958">
          <cell r="B958">
            <v>955</v>
          </cell>
          <cell r="H958">
            <v>0</v>
          </cell>
        </row>
        <row r="959">
          <cell r="B959">
            <v>956</v>
          </cell>
          <cell r="H959">
            <v>0</v>
          </cell>
        </row>
        <row r="960">
          <cell r="B960">
            <v>957</v>
          </cell>
          <cell r="H960">
            <v>0</v>
          </cell>
        </row>
        <row r="961">
          <cell r="B961">
            <v>958</v>
          </cell>
          <cell r="H961">
            <v>0</v>
          </cell>
        </row>
        <row r="962">
          <cell r="B962">
            <v>959</v>
          </cell>
          <cell r="H962">
            <v>0</v>
          </cell>
        </row>
        <row r="963">
          <cell r="B963">
            <v>960</v>
          </cell>
          <cell r="H963">
            <v>0</v>
          </cell>
        </row>
        <row r="964">
          <cell r="B964">
            <v>961</v>
          </cell>
          <cell r="H964">
            <v>0</v>
          </cell>
        </row>
        <row r="965">
          <cell r="B965">
            <v>962</v>
          </cell>
          <cell r="H965">
            <v>0</v>
          </cell>
        </row>
        <row r="966">
          <cell r="B966">
            <v>963</v>
          </cell>
          <cell r="H966">
            <v>0</v>
          </cell>
        </row>
        <row r="967">
          <cell r="B967">
            <v>964</v>
          </cell>
          <cell r="H967">
            <v>0</v>
          </cell>
        </row>
        <row r="968">
          <cell r="B968">
            <v>965</v>
          </cell>
          <cell r="H968">
            <v>0</v>
          </cell>
        </row>
        <row r="969">
          <cell r="B969">
            <v>966</v>
          </cell>
          <cell r="H969">
            <v>0</v>
          </cell>
        </row>
        <row r="970">
          <cell r="B970">
            <v>967</v>
          </cell>
          <cell r="H970">
            <v>0</v>
          </cell>
        </row>
        <row r="971">
          <cell r="B971">
            <v>968</v>
          </cell>
          <cell r="H971">
            <v>0</v>
          </cell>
        </row>
        <row r="972">
          <cell r="B972">
            <v>969</v>
          </cell>
          <cell r="H972">
            <v>0</v>
          </cell>
        </row>
        <row r="973">
          <cell r="B973">
            <v>970</v>
          </cell>
          <cell r="H973">
            <v>0</v>
          </cell>
        </row>
        <row r="974">
          <cell r="B974">
            <v>971</v>
          </cell>
          <cell r="H974">
            <v>0</v>
          </cell>
        </row>
        <row r="975">
          <cell r="B975">
            <v>972</v>
          </cell>
          <cell r="H975">
            <v>0</v>
          </cell>
        </row>
        <row r="976">
          <cell r="B976">
            <v>973</v>
          </cell>
          <cell r="H976">
            <v>0</v>
          </cell>
        </row>
        <row r="977">
          <cell r="B977">
            <v>974</v>
          </cell>
          <cell r="H977">
            <v>0</v>
          </cell>
        </row>
        <row r="978">
          <cell r="B978">
            <v>975</v>
          </cell>
          <cell r="H978">
            <v>0</v>
          </cell>
        </row>
        <row r="979">
          <cell r="B979">
            <v>976</v>
          </cell>
          <cell r="H979">
            <v>0</v>
          </cell>
        </row>
        <row r="980">
          <cell r="B980">
            <v>977</v>
          </cell>
          <cell r="H980">
            <v>0</v>
          </cell>
        </row>
        <row r="981">
          <cell r="B981">
            <v>978</v>
          </cell>
          <cell r="H981">
            <v>0</v>
          </cell>
        </row>
        <row r="982">
          <cell r="B982">
            <v>979</v>
          </cell>
          <cell r="H982">
            <v>0</v>
          </cell>
        </row>
        <row r="983">
          <cell r="B983">
            <v>980</v>
          </cell>
          <cell r="H983">
            <v>0</v>
          </cell>
        </row>
        <row r="984">
          <cell r="B984">
            <v>981</v>
          </cell>
          <cell r="H984">
            <v>0</v>
          </cell>
        </row>
        <row r="985">
          <cell r="B985">
            <v>982</v>
          </cell>
          <cell r="H985">
            <v>0</v>
          </cell>
        </row>
        <row r="986">
          <cell r="B986">
            <v>983</v>
          </cell>
          <cell r="H986">
            <v>0</v>
          </cell>
        </row>
        <row r="987">
          <cell r="B987">
            <v>984</v>
          </cell>
          <cell r="H987">
            <v>0</v>
          </cell>
        </row>
        <row r="988">
          <cell r="B988">
            <v>985</v>
          </cell>
          <cell r="H988">
            <v>0</v>
          </cell>
        </row>
        <row r="989">
          <cell r="B989">
            <v>986</v>
          </cell>
          <cell r="H989">
            <v>0</v>
          </cell>
        </row>
        <row r="990">
          <cell r="B990">
            <v>987</v>
          </cell>
          <cell r="H990">
            <v>0</v>
          </cell>
        </row>
        <row r="991">
          <cell r="B991">
            <v>988</v>
          </cell>
          <cell r="H991">
            <v>0</v>
          </cell>
        </row>
        <row r="992">
          <cell r="B992">
            <v>989</v>
          </cell>
          <cell r="H992">
            <v>0</v>
          </cell>
        </row>
        <row r="993">
          <cell r="B993">
            <v>990</v>
          </cell>
          <cell r="H993">
            <v>0</v>
          </cell>
        </row>
        <row r="994">
          <cell r="B994">
            <v>991</v>
          </cell>
          <cell r="H994">
            <v>0</v>
          </cell>
        </row>
        <row r="995">
          <cell r="B995">
            <v>992</v>
          </cell>
          <cell r="H995">
            <v>0</v>
          </cell>
        </row>
        <row r="996">
          <cell r="B996">
            <v>993</v>
          </cell>
          <cell r="H996">
            <v>0</v>
          </cell>
        </row>
        <row r="997">
          <cell r="B997">
            <v>994</v>
          </cell>
          <cell r="H997">
            <v>0</v>
          </cell>
        </row>
        <row r="998">
          <cell r="B998">
            <v>995</v>
          </cell>
          <cell r="H998">
            <v>0</v>
          </cell>
        </row>
        <row r="999">
          <cell r="B999">
            <v>996</v>
          </cell>
          <cell r="H999">
            <v>0</v>
          </cell>
        </row>
        <row r="1000">
          <cell r="B1000">
            <v>997</v>
          </cell>
          <cell r="H1000">
            <v>0</v>
          </cell>
        </row>
        <row r="1001">
          <cell r="B1001">
            <v>998</v>
          </cell>
          <cell r="H1001">
            <v>0</v>
          </cell>
        </row>
        <row r="1002">
          <cell r="B1002">
            <v>999</v>
          </cell>
          <cell r="H1002">
            <v>0</v>
          </cell>
        </row>
        <row r="1003">
          <cell r="B1003">
            <v>1000</v>
          </cell>
          <cell r="H1003">
            <v>0</v>
          </cell>
        </row>
        <row r="1004">
          <cell r="B1004">
            <v>1001</v>
          </cell>
          <cell r="H1004">
            <v>0</v>
          </cell>
        </row>
        <row r="1005">
          <cell r="B1005">
            <v>1002</v>
          </cell>
          <cell r="H1005">
            <v>0</v>
          </cell>
        </row>
        <row r="1006">
          <cell r="B1006">
            <v>1003</v>
          </cell>
          <cell r="H1006">
            <v>0</v>
          </cell>
        </row>
        <row r="1007">
          <cell r="B1007">
            <v>1004</v>
          </cell>
          <cell r="H1007">
            <v>0</v>
          </cell>
        </row>
        <row r="1008">
          <cell r="B1008">
            <v>1005</v>
          </cell>
          <cell r="H1008">
            <v>0</v>
          </cell>
        </row>
        <row r="1009">
          <cell r="B1009">
            <v>1006</v>
          </cell>
          <cell r="H1009">
            <v>0</v>
          </cell>
        </row>
        <row r="1010">
          <cell r="B1010">
            <v>1007</v>
          </cell>
          <cell r="H1010">
            <v>0</v>
          </cell>
        </row>
        <row r="1011">
          <cell r="B1011">
            <v>1008</v>
          </cell>
          <cell r="H1011">
            <v>0</v>
          </cell>
        </row>
        <row r="1012">
          <cell r="B1012">
            <v>1009</v>
          </cell>
          <cell r="H1012">
            <v>0</v>
          </cell>
        </row>
        <row r="1013">
          <cell r="B1013">
            <v>1010</v>
          </cell>
          <cell r="H1013">
            <v>0</v>
          </cell>
        </row>
        <row r="1014">
          <cell r="B1014">
            <v>1011</v>
          </cell>
          <cell r="H1014">
            <v>0</v>
          </cell>
        </row>
        <row r="1015">
          <cell r="B1015">
            <v>1012</v>
          </cell>
          <cell r="H1015">
            <v>0</v>
          </cell>
        </row>
        <row r="1016">
          <cell r="B1016">
            <v>1013</v>
          </cell>
          <cell r="H1016">
            <v>0</v>
          </cell>
        </row>
        <row r="1017">
          <cell r="B1017">
            <v>1014</v>
          </cell>
          <cell r="H1017">
            <v>0</v>
          </cell>
        </row>
        <row r="1018">
          <cell r="B1018">
            <v>1015</v>
          </cell>
          <cell r="H1018">
            <v>0</v>
          </cell>
        </row>
        <row r="1019">
          <cell r="B1019">
            <v>1016</v>
          </cell>
          <cell r="H1019">
            <v>0</v>
          </cell>
        </row>
        <row r="1020">
          <cell r="B1020">
            <v>1017</v>
          </cell>
          <cell r="H1020">
            <v>0</v>
          </cell>
        </row>
        <row r="1021">
          <cell r="B1021">
            <v>1018</v>
          </cell>
          <cell r="H1021">
            <v>0</v>
          </cell>
        </row>
        <row r="1022">
          <cell r="B1022">
            <v>1019</v>
          </cell>
          <cell r="H1022">
            <v>0</v>
          </cell>
        </row>
        <row r="1023">
          <cell r="B1023">
            <v>1020</v>
          </cell>
          <cell r="H1023">
            <v>0</v>
          </cell>
        </row>
        <row r="1024">
          <cell r="B1024">
            <v>1021</v>
          </cell>
          <cell r="H1024">
            <v>0</v>
          </cell>
        </row>
        <row r="1025">
          <cell r="B1025">
            <v>1022</v>
          </cell>
          <cell r="H1025">
            <v>0</v>
          </cell>
        </row>
        <row r="1026">
          <cell r="B1026">
            <v>1023</v>
          </cell>
          <cell r="H1026">
            <v>0</v>
          </cell>
        </row>
        <row r="1027">
          <cell r="B1027">
            <v>1024</v>
          </cell>
          <cell r="H1027">
            <v>0</v>
          </cell>
        </row>
        <row r="1028">
          <cell r="B1028">
            <v>1025</v>
          </cell>
          <cell r="H1028">
            <v>0</v>
          </cell>
        </row>
        <row r="1029">
          <cell r="B1029">
            <v>1026</v>
          </cell>
          <cell r="H1029">
            <v>0</v>
          </cell>
        </row>
        <row r="1030">
          <cell r="B1030">
            <v>1027</v>
          </cell>
          <cell r="H1030">
            <v>0</v>
          </cell>
        </row>
        <row r="1031">
          <cell r="B1031">
            <v>1028</v>
          </cell>
          <cell r="H1031">
            <v>0</v>
          </cell>
        </row>
        <row r="1032">
          <cell r="B1032">
            <v>1029</v>
          </cell>
          <cell r="H1032">
            <v>0</v>
          </cell>
        </row>
        <row r="1033">
          <cell r="B1033">
            <v>1030</v>
          </cell>
          <cell r="H1033">
            <v>0</v>
          </cell>
        </row>
        <row r="1034">
          <cell r="B1034">
            <v>1031</v>
          </cell>
          <cell r="H1034">
            <v>0</v>
          </cell>
        </row>
        <row r="1035">
          <cell r="B1035">
            <v>1032</v>
          </cell>
          <cell r="H1035">
            <v>0</v>
          </cell>
        </row>
        <row r="1036">
          <cell r="B1036">
            <v>1033</v>
          </cell>
          <cell r="H1036">
            <v>0</v>
          </cell>
        </row>
        <row r="1037">
          <cell r="B1037">
            <v>1034</v>
          </cell>
          <cell r="H1037">
            <v>0</v>
          </cell>
        </row>
        <row r="1038">
          <cell r="B1038">
            <v>1035</v>
          </cell>
          <cell r="H1038">
            <v>0</v>
          </cell>
        </row>
        <row r="1039">
          <cell r="B1039">
            <v>1036</v>
          </cell>
          <cell r="H1039">
            <v>0</v>
          </cell>
        </row>
        <row r="1040">
          <cell r="B1040">
            <v>1037</v>
          </cell>
          <cell r="H1040">
            <v>0</v>
          </cell>
        </row>
        <row r="1041">
          <cell r="B1041">
            <v>1038</v>
          </cell>
          <cell r="H1041">
            <v>0</v>
          </cell>
        </row>
        <row r="1042">
          <cell r="B1042">
            <v>1039</v>
          </cell>
          <cell r="H1042">
            <v>0</v>
          </cell>
        </row>
        <row r="1043">
          <cell r="B1043">
            <v>1040</v>
          </cell>
          <cell r="H1043">
            <v>0</v>
          </cell>
        </row>
        <row r="1044">
          <cell r="B1044">
            <v>1041</v>
          </cell>
          <cell r="H1044">
            <v>0</v>
          </cell>
        </row>
        <row r="1045">
          <cell r="B1045">
            <v>1042</v>
          </cell>
          <cell r="H1045">
            <v>0</v>
          </cell>
        </row>
        <row r="1046">
          <cell r="B1046">
            <v>1043</v>
          </cell>
          <cell r="H1046">
            <v>0</v>
          </cell>
        </row>
        <row r="1047">
          <cell r="B1047">
            <v>1044</v>
          </cell>
          <cell r="H1047">
            <v>0</v>
          </cell>
        </row>
        <row r="1048">
          <cell r="B1048">
            <v>1045</v>
          </cell>
          <cell r="H1048">
            <v>0</v>
          </cell>
        </row>
        <row r="1049">
          <cell r="B1049">
            <v>1046</v>
          </cell>
          <cell r="H1049">
            <v>0</v>
          </cell>
        </row>
        <row r="1050">
          <cell r="B1050">
            <v>1047</v>
          </cell>
          <cell r="H1050">
            <v>0</v>
          </cell>
        </row>
        <row r="1051">
          <cell r="B1051">
            <v>1048</v>
          </cell>
          <cell r="H1051">
            <v>0</v>
          </cell>
        </row>
        <row r="1052">
          <cell r="B1052">
            <v>1049</v>
          </cell>
          <cell r="H1052">
            <v>0</v>
          </cell>
        </row>
        <row r="1053">
          <cell r="B1053">
            <v>1050</v>
          </cell>
          <cell r="H1053">
            <v>0</v>
          </cell>
        </row>
        <row r="1054">
          <cell r="B1054">
            <v>1051</v>
          </cell>
          <cell r="H1054">
            <v>0</v>
          </cell>
        </row>
        <row r="1055">
          <cell r="B1055">
            <v>1052</v>
          </cell>
          <cell r="H1055">
            <v>0</v>
          </cell>
        </row>
        <row r="1056">
          <cell r="B1056">
            <v>1053</v>
          </cell>
          <cell r="H1056">
            <v>0</v>
          </cell>
        </row>
        <row r="1057">
          <cell r="B1057">
            <v>1054</v>
          </cell>
          <cell r="H1057">
            <v>0</v>
          </cell>
        </row>
        <row r="1058">
          <cell r="B1058">
            <v>1055</v>
          </cell>
          <cell r="H1058">
            <v>0</v>
          </cell>
        </row>
        <row r="1059">
          <cell r="B1059">
            <v>1056</v>
          </cell>
          <cell r="H1059">
            <v>0</v>
          </cell>
        </row>
        <row r="1060">
          <cell r="B1060">
            <v>1057</v>
          </cell>
          <cell r="H1060">
            <v>0</v>
          </cell>
        </row>
        <row r="1061">
          <cell r="B1061">
            <v>1058</v>
          </cell>
          <cell r="H1061">
            <v>0</v>
          </cell>
        </row>
        <row r="1062">
          <cell r="B1062">
            <v>1059</v>
          </cell>
          <cell r="H1062">
            <v>0</v>
          </cell>
        </row>
        <row r="1063">
          <cell r="B1063">
            <v>1060</v>
          </cell>
          <cell r="H1063">
            <v>0</v>
          </cell>
        </row>
        <row r="1064">
          <cell r="B1064">
            <v>1061</v>
          </cell>
          <cell r="H1064">
            <v>0</v>
          </cell>
        </row>
        <row r="1065">
          <cell r="B1065">
            <v>1062</v>
          </cell>
          <cell r="H1065">
            <v>0</v>
          </cell>
        </row>
        <row r="1066">
          <cell r="B1066">
            <v>1063</v>
          </cell>
          <cell r="H1066">
            <v>0</v>
          </cell>
        </row>
        <row r="1067">
          <cell r="B1067">
            <v>1064</v>
          </cell>
          <cell r="H1067">
            <v>0</v>
          </cell>
        </row>
        <row r="1068">
          <cell r="B1068">
            <v>1065</v>
          </cell>
          <cell r="H1068">
            <v>0</v>
          </cell>
        </row>
        <row r="1069">
          <cell r="B1069">
            <v>1066</v>
          </cell>
          <cell r="H1069">
            <v>0</v>
          </cell>
        </row>
        <row r="1070">
          <cell r="B1070">
            <v>1067</v>
          </cell>
          <cell r="H1070">
            <v>0</v>
          </cell>
        </row>
        <row r="1071">
          <cell r="B1071">
            <v>1068</v>
          </cell>
          <cell r="H1071">
            <v>0</v>
          </cell>
        </row>
        <row r="1072">
          <cell r="B1072">
            <v>1069</v>
          </cell>
          <cell r="H1072">
            <v>0</v>
          </cell>
        </row>
        <row r="1073">
          <cell r="B1073">
            <v>1070</v>
          </cell>
          <cell r="H1073">
            <v>0</v>
          </cell>
        </row>
        <row r="1074">
          <cell r="B1074">
            <v>1071</v>
          </cell>
          <cell r="H1074">
            <v>0</v>
          </cell>
        </row>
        <row r="1075">
          <cell r="B1075">
            <v>1072</v>
          </cell>
          <cell r="H1075">
            <v>0</v>
          </cell>
        </row>
        <row r="1076">
          <cell r="B1076">
            <v>1073</v>
          </cell>
          <cell r="H1076">
            <v>0</v>
          </cell>
        </row>
        <row r="1077">
          <cell r="B1077">
            <v>1074</v>
          </cell>
          <cell r="H1077">
            <v>0</v>
          </cell>
        </row>
        <row r="1078">
          <cell r="B1078">
            <v>1075</v>
          </cell>
          <cell r="H1078">
            <v>0</v>
          </cell>
        </row>
        <row r="1079">
          <cell r="B1079">
            <v>1076</v>
          </cell>
          <cell r="H1079">
            <v>0</v>
          </cell>
        </row>
        <row r="1080">
          <cell r="B1080">
            <v>1077</v>
          </cell>
          <cell r="H1080">
            <v>0</v>
          </cell>
        </row>
        <row r="1081">
          <cell r="B1081">
            <v>1078</v>
          </cell>
          <cell r="H1081">
            <v>0</v>
          </cell>
        </row>
        <row r="1082">
          <cell r="B1082">
            <v>1079</v>
          </cell>
          <cell r="H1082">
            <v>0</v>
          </cell>
        </row>
        <row r="1083">
          <cell r="B1083">
            <v>1080</v>
          </cell>
          <cell r="H1083">
            <v>0</v>
          </cell>
        </row>
        <row r="1084">
          <cell r="B1084">
            <v>1081</v>
          </cell>
          <cell r="H1084">
            <v>0</v>
          </cell>
        </row>
        <row r="1085">
          <cell r="B1085">
            <v>1082</v>
          </cell>
          <cell r="H1085">
            <v>0</v>
          </cell>
        </row>
        <row r="1086">
          <cell r="B1086">
            <v>1083</v>
          </cell>
          <cell r="H1086">
            <v>0</v>
          </cell>
        </row>
        <row r="1087">
          <cell r="B1087">
            <v>1084</v>
          </cell>
          <cell r="H1087">
            <v>0</v>
          </cell>
        </row>
        <row r="1088">
          <cell r="B1088">
            <v>1085</v>
          </cell>
          <cell r="H1088">
            <v>0</v>
          </cell>
        </row>
        <row r="1089">
          <cell r="B1089">
            <v>1086</v>
          </cell>
          <cell r="H1089">
            <v>0</v>
          </cell>
        </row>
        <row r="1090">
          <cell r="B1090">
            <v>1087</v>
          </cell>
          <cell r="H1090">
            <v>0</v>
          </cell>
        </row>
        <row r="1091">
          <cell r="B1091">
            <v>1088</v>
          </cell>
          <cell r="H1091">
            <v>0</v>
          </cell>
        </row>
        <row r="1092">
          <cell r="B1092">
            <v>1089</v>
          </cell>
          <cell r="H1092">
            <v>0</v>
          </cell>
        </row>
        <row r="1093">
          <cell r="B1093">
            <v>1090</v>
          </cell>
          <cell r="H1093">
            <v>0</v>
          </cell>
        </row>
        <row r="1094">
          <cell r="B1094">
            <v>1091</v>
          </cell>
          <cell r="H1094">
            <v>0</v>
          </cell>
        </row>
        <row r="1095">
          <cell r="B1095">
            <v>1092</v>
          </cell>
          <cell r="H1095">
            <v>0</v>
          </cell>
        </row>
        <row r="1096">
          <cell r="B1096">
            <v>1093</v>
          </cell>
          <cell r="H1096">
            <v>0</v>
          </cell>
        </row>
        <row r="1097">
          <cell r="B1097">
            <v>1094</v>
          </cell>
          <cell r="H1097">
            <v>0</v>
          </cell>
        </row>
        <row r="1098">
          <cell r="B1098">
            <v>1095</v>
          </cell>
          <cell r="H1098">
            <v>0</v>
          </cell>
        </row>
        <row r="1099">
          <cell r="B1099">
            <v>1096</v>
          </cell>
          <cell r="H1099">
            <v>0</v>
          </cell>
        </row>
        <row r="1100">
          <cell r="B1100">
            <v>1097</v>
          </cell>
          <cell r="H1100">
            <v>0</v>
          </cell>
        </row>
        <row r="1101">
          <cell r="B1101">
            <v>1098</v>
          </cell>
          <cell r="H1101">
            <v>0</v>
          </cell>
        </row>
        <row r="1102">
          <cell r="B1102">
            <v>1099</v>
          </cell>
          <cell r="H1102">
            <v>0</v>
          </cell>
        </row>
        <row r="1103">
          <cell r="B1103">
            <v>1100</v>
          </cell>
          <cell r="H1103">
            <v>0</v>
          </cell>
        </row>
        <row r="1104">
          <cell r="B1104">
            <v>1101</v>
          </cell>
          <cell r="H1104">
            <v>0</v>
          </cell>
        </row>
        <row r="1105">
          <cell r="B1105">
            <v>1102</v>
          </cell>
          <cell r="H1105">
            <v>0</v>
          </cell>
        </row>
        <row r="1106">
          <cell r="B1106">
            <v>1103</v>
          </cell>
          <cell r="H1106">
            <v>0</v>
          </cell>
        </row>
        <row r="1107">
          <cell r="B1107">
            <v>1104</v>
          </cell>
          <cell r="H1107">
            <v>0</v>
          </cell>
        </row>
        <row r="1108">
          <cell r="B1108">
            <v>1105</v>
          </cell>
          <cell r="H1108">
            <v>0</v>
          </cell>
        </row>
        <row r="1109">
          <cell r="B1109">
            <v>1106</v>
          </cell>
          <cell r="H1109">
            <v>0</v>
          </cell>
        </row>
        <row r="1110">
          <cell r="B1110">
            <v>1107</v>
          </cell>
          <cell r="H1110">
            <v>0</v>
          </cell>
        </row>
        <row r="1111">
          <cell r="B1111">
            <v>1108</v>
          </cell>
          <cell r="H1111">
            <v>0</v>
          </cell>
        </row>
        <row r="1112">
          <cell r="B1112">
            <v>1109</v>
          </cell>
          <cell r="H1112">
            <v>0</v>
          </cell>
        </row>
        <row r="1113">
          <cell r="B1113">
            <v>1110</v>
          </cell>
          <cell r="H1113">
            <v>0</v>
          </cell>
        </row>
        <row r="1114">
          <cell r="B1114">
            <v>1111</v>
          </cell>
          <cell r="H1114">
            <v>0</v>
          </cell>
        </row>
        <row r="1115">
          <cell r="B1115">
            <v>1112</v>
          </cell>
          <cell r="H1115">
            <v>0</v>
          </cell>
        </row>
        <row r="1116">
          <cell r="B1116">
            <v>1113</v>
          </cell>
          <cell r="H1116">
            <v>0</v>
          </cell>
        </row>
        <row r="1117">
          <cell r="B1117">
            <v>1114</v>
          </cell>
          <cell r="H1117">
            <v>0</v>
          </cell>
        </row>
        <row r="1118">
          <cell r="B1118">
            <v>1115</v>
          </cell>
          <cell r="H1118">
            <v>0</v>
          </cell>
        </row>
        <row r="1119">
          <cell r="B1119">
            <v>1116</v>
          </cell>
          <cell r="H1119">
            <v>0</v>
          </cell>
        </row>
        <row r="1120">
          <cell r="B1120">
            <v>1117</v>
          </cell>
          <cell r="H1120">
            <v>0</v>
          </cell>
        </row>
        <row r="1121">
          <cell r="B1121">
            <v>1118</v>
          </cell>
          <cell r="H1121">
            <v>0</v>
          </cell>
        </row>
        <row r="1122">
          <cell r="B1122">
            <v>1119</v>
          </cell>
          <cell r="H1122">
            <v>0</v>
          </cell>
        </row>
        <row r="1123">
          <cell r="B1123">
            <v>1120</v>
          </cell>
          <cell r="H1123">
            <v>0</v>
          </cell>
        </row>
        <row r="1124">
          <cell r="B1124">
            <v>1121</v>
          </cell>
          <cell r="H1124">
            <v>0</v>
          </cell>
        </row>
        <row r="1125">
          <cell r="B1125">
            <v>1122</v>
          </cell>
          <cell r="H1125">
            <v>0</v>
          </cell>
        </row>
        <row r="1126">
          <cell r="B1126">
            <v>1123</v>
          </cell>
          <cell r="H1126">
            <v>0</v>
          </cell>
        </row>
        <row r="1127">
          <cell r="B1127">
            <v>1124</v>
          </cell>
          <cell r="H1127">
            <v>0</v>
          </cell>
        </row>
        <row r="1128">
          <cell r="B1128">
            <v>1125</v>
          </cell>
          <cell r="H1128">
            <v>0</v>
          </cell>
        </row>
        <row r="1129">
          <cell r="B1129">
            <v>1126</v>
          </cell>
          <cell r="H1129">
            <v>0</v>
          </cell>
        </row>
        <row r="1130">
          <cell r="B1130">
            <v>1127</v>
          </cell>
          <cell r="H1130">
            <v>0</v>
          </cell>
        </row>
        <row r="1131">
          <cell r="B1131">
            <v>1128</v>
          </cell>
          <cell r="H1131">
            <v>0</v>
          </cell>
        </row>
        <row r="1132">
          <cell r="B1132">
            <v>1129</v>
          </cell>
          <cell r="H1132">
            <v>0</v>
          </cell>
        </row>
        <row r="1133">
          <cell r="B1133">
            <v>1130</v>
          </cell>
          <cell r="H1133">
            <v>0</v>
          </cell>
        </row>
        <row r="1134">
          <cell r="B1134">
            <v>1131</v>
          </cell>
          <cell r="H1134">
            <v>0</v>
          </cell>
        </row>
        <row r="1135">
          <cell r="B1135">
            <v>1132</v>
          </cell>
          <cell r="H1135">
            <v>0</v>
          </cell>
        </row>
        <row r="1136">
          <cell r="B1136">
            <v>1133</v>
          </cell>
          <cell r="H1136">
            <v>0</v>
          </cell>
        </row>
        <row r="1137">
          <cell r="B1137">
            <v>1134</v>
          </cell>
          <cell r="H1137">
            <v>0</v>
          </cell>
        </row>
        <row r="1138">
          <cell r="B1138">
            <v>1135</v>
          </cell>
          <cell r="H1138">
            <v>0</v>
          </cell>
        </row>
        <row r="1139">
          <cell r="B1139">
            <v>1136</v>
          </cell>
          <cell r="H1139">
            <v>0</v>
          </cell>
        </row>
        <row r="1140">
          <cell r="B1140">
            <v>1137</v>
          </cell>
          <cell r="H1140">
            <v>0</v>
          </cell>
        </row>
        <row r="1141">
          <cell r="B1141">
            <v>1138</v>
          </cell>
          <cell r="H1141">
            <v>0</v>
          </cell>
        </row>
        <row r="1142">
          <cell r="B1142">
            <v>1139</v>
          </cell>
          <cell r="H1142">
            <v>0</v>
          </cell>
        </row>
        <row r="1143">
          <cell r="B1143">
            <v>1140</v>
          </cell>
          <cell r="H1143">
            <v>0</v>
          </cell>
        </row>
        <row r="1144">
          <cell r="B1144">
            <v>1141</v>
          </cell>
          <cell r="H1144">
            <v>0</v>
          </cell>
        </row>
        <row r="1145">
          <cell r="B1145">
            <v>1142</v>
          </cell>
          <cell r="H1145">
            <v>0</v>
          </cell>
        </row>
        <row r="1146">
          <cell r="B1146">
            <v>1143</v>
          </cell>
          <cell r="H1146">
            <v>0</v>
          </cell>
        </row>
        <row r="1147">
          <cell r="B1147">
            <v>1144</v>
          </cell>
          <cell r="H1147">
            <v>0</v>
          </cell>
        </row>
        <row r="1148">
          <cell r="B1148">
            <v>1145</v>
          </cell>
          <cell r="H1148">
            <v>0</v>
          </cell>
        </row>
        <row r="1149">
          <cell r="B1149">
            <v>1146</v>
          </cell>
          <cell r="H1149">
            <v>0</v>
          </cell>
        </row>
        <row r="1150">
          <cell r="B1150">
            <v>1147</v>
          </cell>
          <cell r="H1150">
            <v>0</v>
          </cell>
        </row>
        <row r="1151">
          <cell r="B1151">
            <v>1148</v>
          </cell>
          <cell r="H1151">
            <v>0</v>
          </cell>
        </row>
        <row r="1152">
          <cell r="B1152">
            <v>1149</v>
          </cell>
          <cell r="H1152">
            <v>0</v>
          </cell>
        </row>
        <row r="1153">
          <cell r="B1153">
            <v>1150</v>
          </cell>
          <cell r="H1153">
            <v>0</v>
          </cell>
        </row>
        <row r="1154">
          <cell r="B1154">
            <v>1151</v>
          </cell>
          <cell r="H1154">
            <v>0</v>
          </cell>
        </row>
        <row r="1155">
          <cell r="B1155">
            <v>1152</v>
          </cell>
          <cell r="H1155">
            <v>0</v>
          </cell>
        </row>
        <row r="1156">
          <cell r="B1156">
            <v>1153</v>
          </cell>
          <cell r="H1156">
            <v>0</v>
          </cell>
        </row>
        <row r="1157">
          <cell r="B1157">
            <v>1154</v>
          </cell>
          <cell r="H1157">
            <v>0</v>
          </cell>
        </row>
        <row r="1158">
          <cell r="B1158">
            <v>1155</v>
          </cell>
          <cell r="H1158">
            <v>0</v>
          </cell>
        </row>
        <row r="1159">
          <cell r="B1159">
            <v>1156</v>
          </cell>
          <cell r="H1159">
            <v>0</v>
          </cell>
        </row>
        <row r="1160">
          <cell r="B1160">
            <v>1157</v>
          </cell>
          <cell r="H1160">
            <v>0</v>
          </cell>
        </row>
        <row r="1161">
          <cell r="B1161">
            <v>1158</v>
          </cell>
          <cell r="H1161">
            <v>0</v>
          </cell>
        </row>
        <row r="1162">
          <cell r="B1162">
            <v>1159</v>
          </cell>
          <cell r="H1162">
            <v>0</v>
          </cell>
        </row>
        <row r="1163">
          <cell r="B1163">
            <v>1160</v>
          </cell>
          <cell r="H1163">
            <v>0</v>
          </cell>
        </row>
        <row r="1164">
          <cell r="B1164">
            <v>1161</v>
          </cell>
          <cell r="H1164">
            <v>0</v>
          </cell>
        </row>
        <row r="1165">
          <cell r="B1165">
            <v>1162</v>
          </cell>
          <cell r="H1165">
            <v>0</v>
          </cell>
        </row>
        <row r="1166">
          <cell r="B1166">
            <v>1163</v>
          </cell>
          <cell r="H1166">
            <v>0</v>
          </cell>
        </row>
        <row r="1167">
          <cell r="B1167">
            <v>1164</v>
          </cell>
          <cell r="H1167">
            <v>0</v>
          </cell>
        </row>
        <row r="1168">
          <cell r="B1168">
            <v>1165</v>
          </cell>
          <cell r="H1168">
            <v>0</v>
          </cell>
        </row>
        <row r="1169">
          <cell r="B1169">
            <v>1166</v>
          </cell>
          <cell r="H1169">
            <v>0</v>
          </cell>
        </row>
        <row r="1170">
          <cell r="B1170">
            <v>1167</v>
          </cell>
          <cell r="H1170">
            <v>0</v>
          </cell>
        </row>
        <row r="1171">
          <cell r="B1171">
            <v>1168</v>
          </cell>
          <cell r="H1171">
            <v>0</v>
          </cell>
        </row>
        <row r="1172">
          <cell r="B1172">
            <v>1169</v>
          </cell>
          <cell r="H1172">
            <v>0</v>
          </cell>
        </row>
        <row r="1173">
          <cell r="B1173">
            <v>1170</v>
          </cell>
          <cell r="H1173">
            <v>0</v>
          </cell>
        </row>
        <row r="1174">
          <cell r="B1174">
            <v>1171</v>
          </cell>
          <cell r="H1174">
            <v>0</v>
          </cell>
        </row>
        <row r="1175">
          <cell r="B1175">
            <v>1172</v>
          </cell>
          <cell r="H1175">
            <v>0</v>
          </cell>
        </row>
        <row r="1176">
          <cell r="B1176">
            <v>1173</v>
          </cell>
          <cell r="H1176">
            <v>0</v>
          </cell>
        </row>
        <row r="1177">
          <cell r="B1177">
            <v>1174</v>
          </cell>
          <cell r="H1177">
            <v>0</v>
          </cell>
        </row>
        <row r="1178">
          <cell r="B1178">
            <v>1175</v>
          </cell>
          <cell r="H1178">
            <v>0</v>
          </cell>
        </row>
        <row r="1179">
          <cell r="B1179">
            <v>1176</v>
          </cell>
          <cell r="H1179">
            <v>0</v>
          </cell>
        </row>
        <row r="1180">
          <cell r="B1180">
            <v>1177</v>
          </cell>
          <cell r="H1180">
            <v>0</v>
          </cell>
        </row>
        <row r="1181">
          <cell r="B1181">
            <v>1178</v>
          </cell>
          <cell r="H1181">
            <v>0</v>
          </cell>
        </row>
        <row r="1182">
          <cell r="B1182">
            <v>1179</v>
          </cell>
          <cell r="H1182">
            <v>0</v>
          </cell>
        </row>
        <row r="1183">
          <cell r="B1183">
            <v>1180</v>
          </cell>
          <cell r="H1183">
            <v>0</v>
          </cell>
        </row>
        <row r="1184">
          <cell r="B1184">
            <v>1181</v>
          </cell>
          <cell r="H1184">
            <v>0</v>
          </cell>
        </row>
        <row r="1185">
          <cell r="B1185">
            <v>1182</v>
          </cell>
          <cell r="H1185">
            <v>0</v>
          </cell>
        </row>
        <row r="1186">
          <cell r="B1186">
            <v>1183</v>
          </cell>
          <cell r="H1186">
            <v>0</v>
          </cell>
        </row>
        <row r="1187">
          <cell r="B1187">
            <v>1184</v>
          </cell>
          <cell r="H1187">
            <v>0</v>
          </cell>
        </row>
        <row r="1188">
          <cell r="B1188">
            <v>1185</v>
          </cell>
          <cell r="H1188">
            <v>0</v>
          </cell>
        </row>
        <row r="1189">
          <cell r="B1189">
            <v>1186</v>
          </cell>
          <cell r="H1189">
            <v>0</v>
          </cell>
        </row>
        <row r="1190">
          <cell r="B1190">
            <v>1187</v>
          </cell>
          <cell r="H1190">
            <v>0</v>
          </cell>
        </row>
        <row r="1191">
          <cell r="B1191">
            <v>1188</v>
          </cell>
          <cell r="H1191">
            <v>0</v>
          </cell>
        </row>
        <row r="1192">
          <cell r="B1192">
            <v>1189</v>
          </cell>
          <cell r="H1192">
            <v>0</v>
          </cell>
        </row>
        <row r="1193">
          <cell r="B1193">
            <v>1190</v>
          </cell>
          <cell r="H1193">
            <v>0</v>
          </cell>
        </row>
        <row r="1194">
          <cell r="B1194">
            <v>1191</v>
          </cell>
          <cell r="H1194">
            <v>0</v>
          </cell>
        </row>
        <row r="1195">
          <cell r="B1195">
            <v>1192</v>
          </cell>
          <cell r="H1195">
            <v>0</v>
          </cell>
        </row>
        <row r="1196">
          <cell r="B1196">
            <v>1193</v>
          </cell>
          <cell r="H1196">
            <v>0</v>
          </cell>
        </row>
        <row r="1197">
          <cell r="B1197">
            <v>1194</v>
          </cell>
          <cell r="H1197">
            <v>0</v>
          </cell>
        </row>
        <row r="1198">
          <cell r="B1198">
            <v>1195</v>
          </cell>
          <cell r="H1198">
            <v>0</v>
          </cell>
        </row>
        <row r="1199">
          <cell r="B1199">
            <v>1196</v>
          </cell>
          <cell r="H1199">
            <v>0</v>
          </cell>
        </row>
        <row r="1200">
          <cell r="B1200">
            <v>1197</v>
          </cell>
          <cell r="H1200">
            <v>0</v>
          </cell>
        </row>
        <row r="1201">
          <cell r="B1201">
            <v>1198</v>
          </cell>
          <cell r="H1201">
            <v>0</v>
          </cell>
        </row>
        <row r="1202">
          <cell r="B1202">
            <v>1199</v>
          </cell>
          <cell r="H1202">
            <v>0</v>
          </cell>
        </row>
        <row r="1203">
          <cell r="B1203">
            <v>1200</v>
          </cell>
          <cell r="H1203">
            <v>0</v>
          </cell>
        </row>
        <row r="1204">
          <cell r="B1204">
            <v>1201</v>
          </cell>
          <cell r="H1204">
            <v>0</v>
          </cell>
        </row>
        <row r="1205">
          <cell r="B1205">
            <v>1202</v>
          </cell>
          <cell r="H1205">
            <v>0</v>
          </cell>
        </row>
        <row r="1206">
          <cell r="B1206">
            <v>1203</v>
          </cell>
          <cell r="H1206">
            <v>0</v>
          </cell>
        </row>
        <row r="1207">
          <cell r="B1207">
            <v>1204</v>
          </cell>
          <cell r="H1207">
            <v>0</v>
          </cell>
        </row>
        <row r="1208">
          <cell r="B1208">
            <v>1205</v>
          </cell>
          <cell r="H1208">
            <v>0</v>
          </cell>
        </row>
        <row r="1209">
          <cell r="B1209">
            <v>1206</v>
          </cell>
          <cell r="H1209">
            <v>0</v>
          </cell>
        </row>
        <row r="1210">
          <cell r="B1210">
            <v>1207</v>
          </cell>
          <cell r="H1210">
            <v>0</v>
          </cell>
        </row>
        <row r="1211">
          <cell r="B1211">
            <v>1208</v>
          </cell>
          <cell r="H1211">
            <v>0</v>
          </cell>
        </row>
        <row r="1212">
          <cell r="B1212">
            <v>1209</v>
          </cell>
          <cell r="H1212">
            <v>0</v>
          </cell>
        </row>
        <row r="1213">
          <cell r="B1213">
            <v>1210</v>
          </cell>
          <cell r="H1213">
            <v>0</v>
          </cell>
        </row>
        <row r="1214">
          <cell r="B1214">
            <v>1211</v>
          </cell>
          <cell r="H1214">
            <v>0</v>
          </cell>
        </row>
        <row r="1215">
          <cell r="B1215">
            <v>1212</v>
          </cell>
          <cell r="H1215">
            <v>0</v>
          </cell>
        </row>
        <row r="1216">
          <cell r="B1216">
            <v>1213</v>
          </cell>
          <cell r="H1216">
            <v>0</v>
          </cell>
        </row>
        <row r="1217">
          <cell r="B1217">
            <v>1214</v>
          </cell>
          <cell r="H1217">
            <v>0</v>
          </cell>
        </row>
        <row r="1218">
          <cell r="B1218">
            <v>1215</v>
          </cell>
          <cell r="H1218">
            <v>0</v>
          </cell>
        </row>
        <row r="1219">
          <cell r="B1219">
            <v>1216</v>
          </cell>
          <cell r="H1219">
            <v>0</v>
          </cell>
        </row>
        <row r="1220">
          <cell r="B1220">
            <v>1217</v>
          </cell>
          <cell r="H1220">
            <v>0</v>
          </cell>
        </row>
        <row r="1221">
          <cell r="B1221">
            <v>1218</v>
          </cell>
          <cell r="H1221">
            <v>0</v>
          </cell>
        </row>
        <row r="1222">
          <cell r="B1222">
            <v>1219</v>
          </cell>
          <cell r="H1222">
            <v>0</v>
          </cell>
        </row>
        <row r="1223">
          <cell r="B1223">
            <v>1220</v>
          </cell>
          <cell r="H1223">
            <v>0</v>
          </cell>
        </row>
        <row r="1224">
          <cell r="B1224">
            <v>1221</v>
          </cell>
          <cell r="H1224">
            <v>0</v>
          </cell>
        </row>
        <row r="1225">
          <cell r="B1225">
            <v>1222</v>
          </cell>
          <cell r="H1225">
            <v>0</v>
          </cell>
        </row>
        <row r="1226">
          <cell r="B1226">
            <v>1223</v>
          </cell>
          <cell r="H1226">
            <v>0</v>
          </cell>
        </row>
        <row r="1227">
          <cell r="B1227">
            <v>1224</v>
          </cell>
          <cell r="H1227">
            <v>0</v>
          </cell>
        </row>
        <row r="1228">
          <cell r="B1228">
            <v>1225</v>
          </cell>
          <cell r="H1228">
            <v>0</v>
          </cell>
        </row>
        <row r="1229">
          <cell r="B1229">
            <v>1226</v>
          </cell>
          <cell r="H1229">
            <v>0</v>
          </cell>
        </row>
        <row r="1230">
          <cell r="B1230">
            <v>1227</v>
          </cell>
          <cell r="H1230">
            <v>0</v>
          </cell>
        </row>
        <row r="1231">
          <cell r="B1231">
            <v>1228</v>
          </cell>
          <cell r="H1231">
            <v>0</v>
          </cell>
        </row>
        <row r="1232">
          <cell r="B1232">
            <v>1229</v>
          </cell>
          <cell r="H1232">
            <v>0</v>
          </cell>
        </row>
        <row r="1233">
          <cell r="B1233">
            <v>1230</v>
          </cell>
          <cell r="H1233">
            <v>0</v>
          </cell>
        </row>
        <row r="1234">
          <cell r="B1234">
            <v>1231</v>
          </cell>
          <cell r="H1234">
            <v>0</v>
          </cell>
        </row>
        <row r="1235">
          <cell r="B1235">
            <v>1232</v>
          </cell>
          <cell r="H1235">
            <v>0</v>
          </cell>
        </row>
        <row r="1236">
          <cell r="B1236">
            <v>1233</v>
          </cell>
          <cell r="H1236">
            <v>0</v>
          </cell>
        </row>
        <row r="1237">
          <cell r="B1237">
            <v>1234</v>
          </cell>
        </row>
        <row r="1238">
          <cell r="B1238">
            <v>1235</v>
          </cell>
        </row>
        <row r="1239">
          <cell r="B1239">
            <v>1236</v>
          </cell>
        </row>
        <row r="1240">
          <cell r="B1240">
            <v>1237</v>
          </cell>
        </row>
        <row r="1241">
          <cell r="B1241">
            <v>1238</v>
          </cell>
        </row>
        <row r="1242">
          <cell r="B1242">
            <v>1239</v>
          </cell>
        </row>
        <row r="1243">
          <cell r="B1243">
            <v>1240</v>
          </cell>
        </row>
        <row r="1244">
          <cell r="B1244">
            <v>1241</v>
          </cell>
        </row>
        <row r="1245">
          <cell r="B1245">
            <v>1242</v>
          </cell>
        </row>
        <row r="1246">
          <cell r="B1246">
            <v>1243</v>
          </cell>
        </row>
        <row r="1247">
          <cell r="B1247">
            <v>1244</v>
          </cell>
        </row>
        <row r="1248">
          <cell r="B1248">
            <v>1245</v>
          </cell>
        </row>
        <row r="1249">
          <cell r="B1249">
            <v>1246</v>
          </cell>
        </row>
        <row r="1250">
          <cell r="B1250">
            <v>1247</v>
          </cell>
        </row>
        <row r="1251">
          <cell r="B1251">
            <v>1248</v>
          </cell>
        </row>
        <row r="1252">
          <cell r="B1252">
            <v>1249</v>
          </cell>
        </row>
        <row r="1253">
          <cell r="B1253">
            <v>1250</v>
          </cell>
        </row>
        <row r="1254">
          <cell r="B1254">
            <v>1251</v>
          </cell>
        </row>
        <row r="1255">
          <cell r="B1255">
            <v>1252</v>
          </cell>
        </row>
        <row r="1256">
          <cell r="B1256">
            <v>1253</v>
          </cell>
        </row>
        <row r="1257">
          <cell r="B1257">
            <v>1254</v>
          </cell>
        </row>
        <row r="1258">
          <cell r="B1258">
            <v>1255</v>
          </cell>
        </row>
        <row r="1259">
          <cell r="B1259">
            <v>1256</v>
          </cell>
        </row>
        <row r="1260">
          <cell r="B1260">
            <v>1257</v>
          </cell>
        </row>
        <row r="1261">
          <cell r="B1261">
            <v>1258</v>
          </cell>
        </row>
        <row r="1262">
          <cell r="B1262">
            <v>1259</v>
          </cell>
        </row>
        <row r="1263">
          <cell r="B1263">
            <v>1260</v>
          </cell>
        </row>
        <row r="1264">
          <cell r="B1264">
            <v>1261</v>
          </cell>
        </row>
        <row r="1265">
          <cell r="B1265">
            <v>1262</v>
          </cell>
        </row>
        <row r="1266">
          <cell r="B1266">
            <v>1263</v>
          </cell>
        </row>
        <row r="1267">
          <cell r="B1267">
            <v>1264</v>
          </cell>
        </row>
        <row r="1268">
          <cell r="B1268">
            <v>1265</v>
          </cell>
        </row>
        <row r="1269">
          <cell r="B1269">
            <v>1266</v>
          </cell>
        </row>
        <row r="1270">
          <cell r="B1270">
            <v>1267</v>
          </cell>
        </row>
        <row r="1271">
          <cell r="B1271">
            <v>1268</v>
          </cell>
        </row>
        <row r="1272">
          <cell r="B1272">
            <v>1269</v>
          </cell>
        </row>
        <row r="1273">
          <cell r="B1273">
            <v>1270</v>
          </cell>
        </row>
        <row r="1274">
          <cell r="B1274">
            <v>1271</v>
          </cell>
        </row>
        <row r="1275">
          <cell r="B1275">
            <v>1272</v>
          </cell>
        </row>
        <row r="1276">
          <cell r="B1276">
            <v>1273</v>
          </cell>
        </row>
        <row r="1277">
          <cell r="B1277">
            <v>1274</v>
          </cell>
        </row>
        <row r="1278">
          <cell r="B1278">
            <v>1275</v>
          </cell>
        </row>
        <row r="1279">
          <cell r="B1279">
            <v>1276</v>
          </cell>
        </row>
        <row r="1280">
          <cell r="B1280">
            <v>1277</v>
          </cell>
        </row>
        <row r="1281">
          <cell r="B1281">
            <v>1278</v>
          </cell>
        </row>
        <row r="1282">
          <cell r="B1282">
            <v>1279</v>
          </cell>
        </row>
        <row r="1283">
          <cell r="B1283">
            <v>1280</v>
          </cell>
        </row>
        <row r="1284">
          <cell r="B1284">
            <v>1281</v>
          </cell>
        </row>
        <row r="1285">
          <cell r="B1285">
            <v>1282</v>
          </cell>
        </row>
        <row r="1286">
          <cell r="B1286">
            <v>1283</v>
          </cell>
        </row>
        <row r="1287">
          <cell r="B1287">
            <v>1284</v>
          </cell>
        </row>
        <row r="1288">
          <cell r="B1288">
            <v>1285</v>
          </cell>
        </row>
        <row r="1289">
          <cell r="B1289">
            <v>1286</v>
          </cell>
        </row>
        <row r="1290">
          <cell r="B1290">
            <v>1287</v>
          </cell>
        </row>
        <row r="1291">
          <cell r="B1291">
            <v>1288</v>
          </cell>
        </row>
        <row r="1292">
          <cell r="B1292">
            <v>1289</v>
          </cell>
        </row>
        <row r="1293">
          <cell r="B1293">
            <v>1290</v>
          </cell>
        </row>
        <row r="1294">
          <cell r="B1294">
            <v>1291</v>
          </cell>
        </row>
        <row r="1295">
          <cell r="B1295">
            <v>1292</v>
          </cell>
        </row>
        <row r="1296">
          <cell r="B1296">
            <v>1293</v>
          </cell>
        </row>
        <row r="1297">
          <cell r="B1297">
            <v>1294</v>
          </cell>
        </row>
        <row r="1298">
          <cell r="B1298">
            <v>1295</v>
          </cell>
        </row>
        <row r="1299">
          <cell r="B1299">
            <v>1296</v>
          </cell>
        </row>
        <row r="1300">
          <cell r="B1300">
            <v>1297</v>
          </cell>
        </row>
        <row r="1301">
          <cell r="B1301">
            <v>1298</v>
          </cell>
        </row>
        <row r="1302">
          <cell r="B1302">
            <v>1299</v>
          </cell>
        </row>
        <row r="1303">
          <cell r="B1303">
            <v>1300</v>
          </cell>
        </row>
        <row r="1304">
          <cell r="B1304">
            <v>1301</v>
          </cell>
        </row>
        <row r="1305">
          <cell r="B1305">
            <v>1302</v>
          </cell>
        </row>
        <row r="1306">
          <cell r="B1306">
            <v>1303</v>
          </cell>
        </row>
        <row r="1307">
          <cell r="B1307">
            <v>1304</v>
          </cell>
        </row>
        <row r="1308">
          <cell r="B1308">
            <v>1305</v>
          </cell>
        </row>
        <row r="1309">
          <cell r="B1309">
            <v>1306</v>
          </cell>
        </row>
        <row r="1310">
          <cell r="B1310">
            <v>1307</v>
          </cell>
        </row>
        <row r="1311">
          <cell r="B1311">
            <v>1308</v>
          </cell>
        </row>
        <row r="1312">
          <cell r="B1312">
            <v>1309</v>
          </cell>
        </row>
        <row r="1313">
          <cell r="B1313">
            <v>1310</v>
          </cell>
        </row>
        <row r="1314">
          <cell r="B1314">
            <v>1311</v>
          </cell>
        </row>
        <row r="1315">
          <cell r="B1315">
            <v>1312</v>
          </cell>
        </row>
        <row r="1316">
          <cell r="B1316">
            <v>1313</v>
          </cell>
        </row>
        <row r="1317">
          <cell r="B1317">
            <v>1314</v>
          </cell>
        </row>
        <row r="1318">
          <cell r="B1318">
            <v>1315</v>
          </cell>
        </row>
        <row r="1319">
          <cell r="B1319">
            <v>1316</v>
          </cell>
        </row>
        <row r="1320">
          <cell r="B1320">
            <v>1317</v>
          </cell>
        </row>
        <row r="1321">
          <cell r="B1321">
            <v>1318</v>
          </cell>
        </row>
        <row r="1322">
          <cell r="B1322">
            <v>1319</v>
          </cell>
        </row>
        <row r="1323">
          <cell r="B1323">
            <v>1320</v>
          </cell>
        </row>
        <row r="1324">
          <cell r="B1324">
            <v>1321</v>
          </cell>
        </row>
        <row r="1325">
          <cell r="B1325">
            <v>1322</v>
          </cell>
        </row>
        <row r="1326">
          <cell r="B1326">
            <v>1323</v>
          </cell>
        </row>
        <row r="1327">
          <cell r="B1327">
            <v>1324</v>
          </cell>
        </row>
        <row r="1328">
          <cell r="B1328">
            <v>1325</v>
          </cell>
        </row>
        <row r="1329">
          <cell r="B1329">
            <v>1326</v>
          </cell>
        </row>
        <row r="1330">
          <cell r="B1330">
            <v>1327</v>
          </cell>
        </row>
        <row r="1331">
          <cell r="B1331">
            <v>1328</v>
          </cell>
        </row>
        <row r="1332">
          <cell r="B1332">
            <v>1329</v>
          </cell>
        </row>
        <row r="1333">
          <cell r="B1333">
            <v>1330</v>
          </cell>
        </row>
        <row r="1334">
          <cell r="B1334">
            <v>1331</v>
          </cell>
        </row>
        <row r="1335">
          <cell r="B1335">
            <v>1332</v>
          </cell>
        </row>
        <row r="1336">
          <cell r="B1336">
            <v>1333</v>
          </cell>
        </row>
        <row r="1337">
          <cell r="B1337">
            <v>1334</v>
          </cell>
        </row>
        <row r="1338">
          <cell r="B1338">
            <v>1335</v>
          </cell>
        </row>
        <row r="1339">
          <cell r="B1339">
            <v>1336</v>
          </cell>
        </row>
        <row r="1340">
          <cell r="B1340">
            <v>1337</v>
          </cell>
        </row>
        <row r="1341">
          <cell r="B1341">
            <v>1338</v>
          </cell>
        </row>
        <row r="1342">
          <cell r="B1342">
            <v>1339</v>
          </cell>
        </row>
        <row r="1343">
          <cell r="B1343">
            <v>1340</v>
          </cell>
        </row>
        <row r="1344">
          <cell r="B1344">
            <v>1341</v>
          </cell>
        </row>
        <row r="1345">
          <cell r="B1345">
            <v>1342</v>
          </cell>
        </row>
        <row r="1346">
          <cell r="B1346">
            <v>1343</v>
          </cell>
        </row>
        <row r="1347">
          <cell r="B1347">
            <v>1344</v>
          </cell>
        </row>
        <row r="1348">
          <cell r="B1348">
            <v>1345</v>
          </cell>
        </row>
        <row r="1349">
          <cell r="B1349">
            <v>1346</v>
          </cell>
        </row>
        <row r="1350">
          <cell r="B1350">
            <v>1347</v>
          </cell>
        </row>
        <row r="1351">
          <cell r="B1351">
            <v>1348</v>
          </cell>
        </row>
        <row r="1352">
          <cell r="B1352">
            <v>1349</v>
          </cell>
        </row>
        <row r="1353">
          <cell r="B1353">
            <v>1350</v>
          </cell>
        </row>
        <row r="1354">
          <cell r="B1354">
            <v>1351</v>
          </cell>
        </row>
        <row r="1355">
          <cell r="B1355">
            <v>1352</v>
          </cell>
        </row>
        <row r="1356">
          <cell r="B1356">
            <v>1353</v>
          </cell>
        </row>
        <row r="1357">
          <cell r="B1357">
            <v>1354</v>
          </cell>
        </row>
        <row r="1358">
          <cell r="B1358">
            <v>1355</v>
          </cell>
        </row>
        <row r="1359">
          <cell r="B1359">
            <v>1356</v>
          </cell>
        </row>
        <row r="1360">
          <cell r="B1360">
            <v>1357</v>
          </cell>
        </row>
        <row r="1361">
          <cell r="B1361">
            <v>1358</v>
          </cell>
        </row>
        <row r="1362">
          <cell r="B1362">
            <v>1359</v>
          </cell>
        </row>
        <row r="1363">
          <cell r="B1363">
            <v>1360</v>
          </cell>
        </row>
        <row r="1364">
          <cell r="B1364">
            <v>1361</v>
          </cell>
        </row>
        <row r="1365">
          <cell r="B1365">
            <v>1362</v>
          </cell>
        </row>
        <row r="1366">
          <cell r="B1366">
            <v>1363</v>
          </cell>
        </row>
        <row r="1367">
          <cell r="B1367">
            <v>1364</v>
          </cell>
        </row>
        <row r="1368">
          <cell r="B1368">
            <v>1365</v>
          </cell>
        </row>
        <row r="1369">
          <cell r="B1369">
            <v>1366</v>
          </cell>
        </row>
        <row r="1370">
          <cell r="B1370">
            <v>1367</v>
          </cell>
        </row>
        <row r="1371">
          <cell r="B1371">
            <v>1368</v>
          </cell>
        </row>
        <row r="1372">
          <cell r="B1372">
            <v>1369</v>
          </cell>
        </row>
        <row r="1373">
          <cell r="B1373">
            <v>1370</v>
          </cell>
        </row>
        <row r="1374">
          <cell r="B1374">
            <v>1371</v>
          </cell>
        </row>
        <row r="1375">
          <cell r="B1375">
            <v>1372</v>
          </cell>
        </row>
        <row r="1376">
          <cell r="B1376">
            <v>1373</v>
          </cell>
        </row>
        <row r="1377">
          <cell r="B1377">
            <v>1374</v>
          </cell>
        </row>
        <row r="1378">
          <cell r="B1378">
            <v>1375</v>
          </cell>
        </row>
        <row r="1379">
          <cell r="B1379">
            <v>1376</v>
          </cell>
        </row>
        <row r="1380">
          <cell r="B1380">
            <v>1377</v>
          </cell>
        </row>
        <row r="1381">
          <cell r="B1381">
            <v>1378</v>
          </cell>
        </row>
        <row r="1382">
          <cell r="B1382">
            <v>1379</v>
          </cell>
        </row>
        <row r="1383">
          <cell r="B1383">
            <v>1380</v>
          </cell>
        </row>
        <row r="1384">
          <cell r="B1384">
            <v>1381</v>
          </cell>
        </row>
        <row r="1385">
          <cell r="B1385">
            <v>1382</v>
          </cell>
        </row>
        <row r="1386">
          <cell r="B1386">
            <v>1383</v>
          </cell>
        </row>
        <row r="1387">
          <cell r="B1387">
            <v>1384</v>
          </cell>
        </row>
        <row r="1388">
          <cell r="B1388">
            <v>1385</v>
          </cell>
        </row>
        <row r="1389">
          <cell r="B1389">
            <v>1386</v>
          </cell>
        </row>
        <row r="1390">
          <cell r="B1390">
            <v>1387</v>
          </cell>
        </row>
        <row r="1391">
          <cell r="B1391">
            <v>1388</v>
          </cell>
        </row>
        <row r="1392">
          <cell r="B1392">
            <v>1389</v>
          </cell>
        </row>
        <row r="1393">
          <cell r="B1393">
            <v>1390</v>
          </cell>
        </row>
        <row r="1394">
          <cell r="B1394">
            <v>1391</v>
          </cell>
        </row>
        <row r="1395">
          <cell r="B1395">
            <v>1392</v>
          </cell>
        </row>
        <row r="1396">
          <cell r="B1396">
            <v>1393</v>
          </cell>
        </row>
        <row r="1397">
          <cell r="B1397">
            <v>1394</v>
          </cell>
        </row>
        <row r="1398">
          <cell r="B1398">
            <v>1395</v>
          </cell>
        </row>
        <row r="1399">
          <cell r="B1399">
            <v>1396</v>
          </cell>
        </row>
        <row r="1400">
          <cell r="B1400">
            <v>1397</v>
          </cell>
        </row>
        <row r="1401">
          <cell r="B1401">
            <v>1398</v>
          </cell>
        </row>
        <row r="1402">
          <cell r="B1402">
            <v>1399</v>
          </cell>
        </row>
        <row r="1403">
          <cell r="B1403">
            <v>1400</v>
          </cell>
        </row>
      </sheetData>
    </sheetDataSet>
  </externalBook>
</externalLink>
</file>

<file path=xl/externalLinks/externalLink8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Ⅶ電気"/>
      <sheetName val="Ⅶ-1幹線"/>
      <sheetName val="Ⅶ-2電灯"/>
      <sheetName val="移動した"/>
    </sheetNames>
    <sheetDataSet>
      <sheetData sheetId="0">
        <row r="1">
          <cell r="B1" t="str">
            <v>　</v>
          </cell>
        </row>
      </sheetData>
      <sheetData sheetId="1"/>
      <sheetData sheetId="2"/>
      <sheetData sheetId="3"/>
    </sheetDataSet>
  </externalBook>
</externalLink>
</file>

<file path=xl/externalLinks/externalLink8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建築全体工事総括表"/>
      <sheetName val="●建築表紙"/>
      <sheetName val="管理棟（建築）"/>
      <sheetName val="多目的ｴﾘｱﾄｲﾚ棟（建築）"/>
      <sheetName val="A代価（建築）"/>
      <sheetName val="B代価（建築）"/>
      <sheetName val="●電気表紙"/>
      <sheetName val="管理棟（電気）"/>
      <sheetName val="多目的ｴﾘｱﾄｲﾚ棟（電気）"/>
      <sheetName val="代価（電気）_照明"/>
      <sheetName val="代価（電気）_盤類"/>
      <sheetName val="代価(電気）_接地"/>
      <sheetName val="代価（電気）_ケーブル"/>
      <sheetName val="代価（電気）_配線器具"/>
      <sheetName val="代価（電気）_ボックス"/>
      <sheetName val="代価(電気）_配管"/>
      <sheetName val="代価(電気）_ラック"/>
      <sheetName val="代価(電気）_管路"/>
      <sheetName val="代価（電気）_拡声"/>
      <sheetName val="代価（電気）_構内交換"/>
      <sheetName val="代価（電気）_テレビ"/>
      <sheetName val="代価（電気）_トイレ呼出"/>
      <sheetName val="●機械表紙 "/>
      <sheetName val="建築（機械） "/>
      <sheetName val="管理棟（機械）"/>
      <sheetName val="多目的ｴﾘｱﾄｲﾚ棟（機械）"/>
      <sheetName val="管理棟代価表（機械）"/>
      <sheetName val="管理棟複合単価（機械）"/>
      <sheetName val="多Eトイレ代価表（機械）"/>
      <sheetName val="多Eトイレ複合単価（機械）"/>
      <sheetName val="単価根拠"/>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9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9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湯ノ谷代価"/>
      <sheetName val="鏡"/>
      <sheetName val="1号内訳書"/>
      <sheetName val="←→"/>
      <sheetName val="1-1号設計書"/>
    </sheetNames>
    <definedNames>
      <definedName name="湯ノ谷印刷"/>
    </definedNames>
    <sheetDataSet>
      <sheetData sheetId="0" refreshError="1"/>
      <sheetData sheetId="1"/>
      <sheetData sheetId="2"/>
      <sheetData sheetId="3"/>
      <sheetData sheetId="4"/>
    </sheetDataSet>
  </externalBook>
</externalLink>
</file>

<file path=xl/externalLinks/externalLink9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ﾃﾞｰﾀﾃｰﾌﾞﾙ"/>
      <sheetName val="表紙"/>
      <sheetName val="ﾀｲﾄﾙ-補助"/>
      <sheetName val="労務集計"/>
      <sheetName val="機器据付"/>
      <sheetName val="鋼製新設"/>
      <sheetName val="鋼製撤去"/>
      <sheetName val="複合新設"/>
      <sheetName val="複合撤去"/>
      <sheetName val="分類A"/>
      <sheetName val="分類B"/>
      <sheetName val="ﾀｲﾄﾙ-単費"/>
      <sheetName val="修正履歴"/>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9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外部改修工事"/>
      <sheetName val="内装改修・浴室"/>
      <sheetName val="内装改修・台所"/>
      <sheetName val="内装改修・台所　増改築"/>
    </sheetNames>
    <sheetDataSet>
      <sheetData sheetId="0"/>
      <sheetData sheetId="1" refreshError="1"/>
      <sheetData sheetId="2" refreshError="1"/>
      <sheetData sheetId="3" refreshError="1"/>
    </sheetDataSet>
  </externalBook>
</externalLink>
</file>

<file path=xl/externalLinks/externalLink9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s>
    <sheetDataSet>
      <sheetData sheetId="0"/>
    </sheetDataSet>
  </externalBook>
</externalLink>
</file>

<file path=xl/externalLinks/externalLink9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
      <sheetName val="入力"/>
      <sheetName val="設計書"/>
      <sheetName val="総括"/>
      <sheetName val="労務単価 (１)"/>
      <sheetName val="Sheet1"/>
      <sheetName val="Sheet2"/>
      <sheetName val="Sheet3"/>
      <sheetName val="Sheet4"/>
      <sheetName val="Sheet5"/>
      <sheetName val="Sheet6"/>
      <sheetName val="Sheet7"/>
      <sheetName val="Sheet8"/>
      <sheetName val="Sheet9"/>
      <sheetName val="Sheet10"/>
      <sheetName val="Sheet11"/>
      <sheetName val="Sheet12"/>
      <sheetName val="Sheet13"/>
      <sheetName val="Sheet14"/>
      <sheetName val="Sheet15"/>
      <sheetName val="Sheet16"/>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9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紙内訳"/>
      <sheetName val="電気代価"/>
      <sheetName val="電気撤去"/>
      <sheetName val="管複単"/>
      <sheetName val="管撤去"/>
      <sheetName val="建築比較"/>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9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
      <sheetName val="衛生陶器"/>
      <sheetName val="手すり"/>
      <sheetName val="水栓"/>
      <sheetName val="ﾎﾞｰﾙﾀｯﾌﾟ・定位水弁"/>
      <sheetName val="排水器具・ﾄﾗｯﾌﾟ"/>
      <sheetName val="衛生陶器 (大規模)"/>
    </sheetNames>
    <sheetDataSet>
      <sheetData sheetId="0" refreshError="1"/>
      <sheetData sheetId="1" refreshError="1"/>
      <sheetData sheetId="2" refreshError="1"/>
      <sheetData sheetId="3" refreshError="1"/>
      <sheetData sheetId="4" refreshError="1"/>
      <sheetData sheetId="5">
        <row r="50">
          <cell r="V50" t="str">
            <v>排水設備</v>
          </cell>
          <cell r="AA50" t="str">
            <v>平成22年7月</v>
          </cell>
          <cell r="AC50" t="str">
            <v>Ｃ－１１頁</v>
          </cell>
        </row>
        <row r="51">
          <cell r="Y51" t="str">
            <v>取付工事は最新の「施工単価」を採用する</v>
          </cell>
        </row>
        <row r="52">
          <cell r="V52" t="str">
            <v>排水器具･トラップ等</v>
          </cell>
        </row>
        <row r="53">
          <cell r="V53" t="str">
            <v>口径</v>
          </cell>
          <cell r="W53" t="str">
            <v>床上掃除口 ＣＯＡ</v>
          </cell>
          <cell r="Y53" t="str">
            <v>床上掃除口 ＣＯＢ</v>
          </cell>
          <cell r="AA53" t="str">
            <v>化粧型床上掃除口 ＣＯＡ(ＶＰ管用)</v>
          </cell>
          <cell r="AC53" t="str">
            <v>浴槽排水用共栓SNA　SCS製</v>
          </cell>
        </row>
        <row r="54">
          <cell r="W54" t="str">
            <v>材料単価</v>
          </cell>
          <cell r="X54" t="str">
            <v>材工単価</v>
          </cell>
          <cell r="Y54" t="str">
            <v>材料単価</v>
          </cell>
          <cell r="Z54" t="str">
            <v>材工単価</v>
          </cell>
          <cell r="AA54" t="str">
            <v>材料単価</v>
          </cell>
          <cell r="AB54" t="str">
            <v>材工単価</v>
          </cell>
          <cell r="AC54" t="str">
            <v>材料単価</v>
          </cell>
        </row>
        <row r="55">
          <cell r="V55" t="str">
            <v>40A</v>
          </cell>
          <cell r="W55">
            <v>1920</v>
          </cell>
          <cell r="X55">
            <v>5610</v>
          </cell>
          <cell r="Y55">
            <v>3450</v>
          </cell>
          <cell r="Z55">
            <v>7490</v>
          </cell>
          <cell r="AA55">
            <v>1680</v>
          </cell>
          <cell r="AB55">
            <v>5370</v>
          </cell>
        </row>
        <row r="56">
          <cell r="V56" t="str">
            <v>50A</v>
          </cell>
          <cell r="W56">
            <v>2040</v>
          </cell>
          <cell r="X56">
            <v>6300</v>
          </cell>
          <cell r="Y56">
            <v>3900</v>
          </cell>
          <cell r="Z56">
            <v>8680</v>
          </cell>
          <cell r="AA56">
            <v>2040</v>
          </cell>
          <cell r="AB56">
            <v>6300</v>
          </cell>
          <cell r="AC56">
            <v>14700</v>
          </cell>
        </row>
        <row r="57">
          <cell r="V57" t="str">
            <v>65A</v>
          </cell>
          <cell r="W57">
            <v>2610</v>
          </cell>
          <cell r="X57">
            <v>7420</v>
          </cell>
          <cell r="Y57">
            <v>4680</v>
          </cell>
          <cell r="Z57">
            <v>10900</v>
          </cell>
          <cell r="AA57">
            <v>2880</v>
          </cell>
          <cell r="AB57">
            <v>7690</v>
          </cell>
        </row>
        <row r="58">
          <cell r="V58" t="str">
            <v>80A</v>
          </cell>
          <cell r="W58">
            <v>3030</v>
          </cell>
          <cell r="X58">
            <v>8400</v>
          </cell>
          <cell r="Y58">
            <v>5370</v>
          </cell>
          <cell r="Z58">
            <v>12300</v>
          </cell>
          <cell r="AA58">
            <v>3240</v>
          </cell>
          <cell r="AB58">
            <v>8610</v>
          </cell>
          <cell r="AC58">
            <v>27000</v>
          </cell>
        </row>
        <row r="59">
          <cell r="V59" t="str">
            <v>100A</v>
          </cell>
          <cell r="W59">
            <v>3990</v>
          </cell>
          <cell r="X59">
            <v>9910</v>
          </cell>
          <cell r="Y59">
            <v>6810</v>
          </cell>
          <cell r="Z59">
            <v>14500</v>
          </cell>
          <cell r="AA59">
            <v>4980</v>
          </cell>
          <cell r="AB59">
            <v>10900</v>
          </cell>
          <cell r="AC59">
            <v>32400</v>
          </cell>
        </row>
        <row r="60">
          <cell r="V60" t="str">
            <v>125A</v>
          </cell>
          <cell r="W60">
            <v>8220</v>
          </cell>
          <cell r="X60">
            <v>14700</v>
          </cell>
          <cell r="Y60">
            <v>12900</v>
          </cell>
          <cell r="Z60">
            <v>21300</v>
          </cell>
          <cell r="AA60">
            <v>8640</v>
          </cell>
          <cell r="AB60">
            <v>15100</v>
          </cell>
        </row>
        <row r="61">
          <cell r="V61" t="str">
            <v>150A</v>
          </cell>
          <cell r="W61">
            <v>8160</v>
          </cell>
          <cell r="X61">
            <v>15100</v>
          </cell>
          <cell r="Y61">
            <v>15700</v>
          </cell>
          <cell r="Z61">
            <v>25200</v>
          </cell>
          <cell r="AA61">
            <v>14500</v>
          </cell>
          <cell r="AB61">
            <v>21500</v>
          </cell>
        </row>
        <row r="62">
          <cell r="V62" t="str">
            <v>口径</v>
          </cell>
        </row>
        <row r="64">
          <cell r="V64" t="str">
            <v>40A</v>
          </cell>
        </row>
        <row r="65">
          <cell r="V65" t="str">
            <v>50A</v>
          </cell>
        </row>
        <row r="66">
          <cell r="V66" t="str">
            <v>65A</v>
          </cell>
        </row>
        <row r="67">
          <cell r="V67" t="str">
            <v>80A</v>
          </cell>
        </row>
        <row r="68">
          <cell r="V68" t="str">
            <v>100A</v>
          </cell>
        </row>
        <row r="69">
          <cell r="V69" t="str">
            <v>125A</v>
          </cell>
        </row>
        <row r="70">
          <cell r="V70" t="str">
            <v>150A</v>
          </cell>
        </row>
      </sheetData>
      <sheetData sheetId="6" refreshError="1"/>
    </sheetDataSet>
  </externalBook>
</externalLink>
</file>

<file path=xl/externalLinks/externalLink9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
      <sheetName val="衛生陶器"/>
      <sheetName val="手すり"/>
      <sheetName val="水栓"/>
      <sheetName val="ﾎﾞｰﾙﾀｯﾌﾟ・定位水弁"/>
      <sheetName val="排水器具・ﾄﾗｯﾌﾟ"/>
      <sheetName val="衛生陶器 (大規模)"/>
    </sheetNames>
    <sheetDataSet>
      <sheetData sheetId="0" refreshError="1"/>
      <sheetData sheetId="1" refreshError="1"/>
      <sheetData sheetId="2" refreshError="1"/>
      <sheetData sheetId="3" refreshError="1"/>
      <sheetData sheetId="4" refreshError="1"/>
      <sheetData sheetId="5">
        <row r="50">
          <cell r="V50" t="str">
            <v>排水設備</v>
          </cell>
          <cell r="AA50" t="str">
            <v>平成22年7月</v>
          </cell>
          <cell r="AC50" t="str">
            <v>Ｃ－１１頁</v>
          </cell>
        </row>
        <row r="51">
          <cell r="Y51" t="str">
            <v>取付工事は最新の「施工単価」を採用する</v>
          </cell>
        </row>
        <row r="52">
          <cell r="V52" t="str">
            <v>排水器具･トラップ等</v>
          </cell>
        </row>
        <row r="53">
          <cell r="V53" t="str">
            <v>口径</v>
          </cell>
          <cell r="W53" t="str">
            <v>床上掃除口 ＣＯＡ</v>
          </cell>
          <cell r="Y53" t="str">
            <v>床上掃除口 ＣＯＢ</v>
          </cell>
          <cell r="AA53" t="str">
            <v>化粧型床上掃除口 ＣＯＡ(ＶＰ管用)</v>
          </cell>
          <cell r="AC53" t="str">
            <v>浴槽排水用共栓SNA　SCS製</v>
          </cell>
        </row>
        <row r="54">
          <cell r="W54" t="str">
            <v>材料単価</v>
          </cell>
          <cell r="X54" t="str">
            <v>材工単価</v>
          </cell>
          <cell r="Y54" t="str">
            <v>材料単価</v>
          </cell>
          <cell r="Z54" t="str">
            <v>材工単価</v>
          </cell>
          <cell r="AA54" t="str">
            <v>材料単価</v>
          </cell>
          <cell r="AB54" t="str">
            <v>材工単価</v>
          </cell>
          <cell r="AC54" t="str">
            <v>材料単価</v>
          </cell>
        </row>
        <row r="55">
          <cell r="V55" t="str">
            <v>40A</v>
          </cell>
          <cell r="W55">
            <v>1920</v>
          </cell>
          <cell r="X55">
            <v>5610</v>
          </cell>
          <cell r="Y55">
            <v>3450</v>
          </cell>
          <cell r="Z55">
            <v>7490</v>
          </cell>
          <cell r="AA55">
            <v>1680</v>
          </cell>
          <cell r="AB55">
            <v>5370</v>
          </cell>
        </row>
        <row r="56">
          <cell r="V56" t="str">
            <v>50A</v>
          </cell>
          <cell r="W56">
            <v>2040</v>
          </cell>
          <cell r="X56">
            <v>6300</v>
          </cell>
          <cell r="Y56">
            <v>3900</v>
          </cell>
          <cell r="Z56">
            <v>8680</v>
          </cell>
          <cell r="AA56">
            <v>2040</v>
          </cell>
          <cell r="AB56">
            <v>6300</v>
          </cell>
          <cell r="AC56">
            <v>14700</v>
          </cell>
        </row>
        <row r="57">
          <cell r="V57" t="str">
            <v>65A</v>
          </cell>
          <cell r="W57">
            <v>2610</v>
          </cell>
          <cell r="X57">
            <v>7420</v>
          </cell>
          <cell r="Y57">
            <v>4680</v>
          </cell>
          <cell r="Z57">
            <v>10900</v>
          </cell>
          <cell r="AA57">
            <v>2880</v>
          </cell>
          <cell r="AB57">
            <v>7690</v>
          </cell>
        </row>
        <row r="58">
          <cell r="V58" t="str">
            <v>80A</v>
          </cell>
          <cell r="W58">
            <v>3030</v>
          </cell>
          <cell r="X58">
            <v>8400</v>
          </cell>
          <cell r="Y58">
            <v>5370</v>
          </cell>
          <cell r="Z58">
            <v>12300</v>
          </cell>
          <cell r="AA58">
            <v>3240</v>
          </cell>
          <cell r="AB58">
            <v>8610</v>
          </cell>
          <cell r="AC58">
            <v>27000</v>
          </cell>
        </row>
        <row r="59">
          <cell r="V59" t="str">
            <v>100A</v>
          </cell>
          <cell r="W59">
            <v>3990</v>
          </cell>
          <cell r="X59">
            <v>9910</v>
          </cell>
          <cell r="Y59">
            <v>6810</v>
          </cell>
          <cell r="Z59">
            <v>14500</v>
          </cell>
          <cell r="AA59">
            <v>4980</v>
          </cell>
          <cell r="AB59">
            <v>10900</v>
          </cell>
          <cell r="AC59">
            <v>32400</v>
          </cell>
        </row>
        <row r="60">
          <cell r="V60" t="str">
            <v>125A</v>
          </cell>
          <cell r="W60">
            <v>8220</v>
          </cell>
          <cell r="X60">
            <v>14700</v>
          </cell>
          <cell r="Y60">
            <v>12900</v>
          </cell>
          <cell r="Z60">
            <v>21300</v>
          </cell>
          <cell r="AA60">
            <v>8640</v>
          </cell>
          <cell r="AB60">
            <v>15100</v>
          </cell>
        </row>
        <row r="61">
          <cell r="V61" t="str">
            <v>150A</v>
          </cell>
          <cell r="W61">
            <v>8160</v>
          </cell>
          <cell r="X61">
            <v>15100</v>
          </cell>
          <cell r="Y61">
            <v>15700</v>
          </cell>
          <cell r="Z61">
            <v>25200</v>
          </cell>
          <cell r="AA61">
            <v>14500</v>
          </cell>
          <cell r="AB61">
            <v>21500</v>
          </cell>
        </row>
        <row r="62">
          <cell r="V62" t="str">
            <v>口径</v>
          </cell>
        </row>
        <row r="64">
          <cell r="V64" t="str">
            <v>40A</v>
          </cell>
        </row>
        <row r="65">
          <cell r="V65" t="str">
            <v>50A</v>
          </cell>
        </row>
        <row r="66">
          <cell r="V66" t="str">
            <v>65A</v>
          </cell>
        </row>
        <row r="67">
          <cell r="V67" t="str">
            <v>80A</v>
          </cell>
        </row>
        <row r="68">
          <cell r="V68" t="str">
            <v>100A</v>
          </cell>
        </row>
        <row r="69">
          <cell r="V69" t="str">
            <v>125A</v>
          </cell>
        </row>
        <row r="70">
          <cell r="V70" t="str">
            <v>150A</v>
          </cell>
        </row>
      </sheetData>
      <sheetData sheetId="6" refreshError="1"/>
    </sheetDataSet>
  </externalBook>
</externalLink>
</file>

<file path=xl/externalLinks/externalLink9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屋外給水"/>
      <sheetName val="外給)代価"/>
      <sheetName val="屋内給水"/>
      <sheetName val="内給)代価"/>
      <sheetName val="外排)代価"/>
      <sheetName val="屋内排水"/>
      <sheetName val="内排)代価"/>
      <sheetName val="消火"/>
      <sheetName val="衛生"/>
      <sheetName val="衛)代価"/>
      <sheetName val="給湯"/>
      <sheetName val="雨水"/>
      <sheetName val="雨)代価"/>
      <sheetName val="ｶﾞｽ"/>
      <sheetName val="補助外内訳"/>
      <sheetName val="外)屋外給水"/>
      <sheetName val="外)給)代価"/>
      <sheetName val="外)屋内給水"/>
      <sheetName val="外)内給)代価"/>
      <sheetName val="外)消火"/>
      <sheetName val="外)火)代価"/>
      <sheetName val="外)ｶﾞｽ"/>
      <sheetName val="代価表 "/>
      <sheetName val="見比受槽"/>
      <sheetName val="見比高槽"/>
      <sheetName val="見比補水"/>
      <sheetName val="見比ポ"/>
      <sheetName val="見比衛生"/>
      <sheetName val="見比温水器"/>
      <sheetName val="見比火槽"/>
      <sheetName val="見比５号"/>
      <sheetName val="見比流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17" Type="http://schemas.openxmlformats.org/officeDocument/2006/relationships/ctrlProp" Target="../ctrlProps/ctrlProp114.xml"/><Relationship Id="rId21" Type="http://schemas.openxmlformats.org/officeDocument/2006/relationships/ctrlProp" Target="../ctrlProps/ctrlProp18.xml"/><Relationship Id="rId42" Type="http://schemas.openxmlformats.org/officeDocument/2006/relationships/ctrlProp" Target="../ctrlProps/ctrlProp39.xml"/><Relationship Id="rId63" Type="http://schemas.openxmlformats.org/officeDocument/2006/relationships/ctrlProp" Target="../ctrlProps/ctrlProp60.xml"/><Relationship Id="rId84" Type="http://schemas.openxmlformats.org/officeDocument/2006/relationships/ctrlProp" Target="../ctrlProps/ctrlProp81.xml"/><Relationship Id="rId138" Type="http://schemas.openxmlformats.org/officeDocument/2006/relationships/ctrlProp" Target="../ctrlProps/ctrlProp135.xml"/><Relationship Id="rId159" Type="http://schemas.openxmlformats.org/officeDocument/2006/relationships/ctrlProp" Target="../ctrlProps/ctrlProp156.xml"/><Relationship Id="rId170" Type="http://schemas.openxmlformats.org/officeDocument/2006/relationships/ctrlProp" Target="../ctrlProps/ctrlProp167.xml"/><Relationship Id="rId191" Type="http://schemas.openxmlformats.org/officeDocument/2006/relationships/ctrlProp" Target="../ctrlProps/ctrlProp188.xml"/><Relationship Id="rId205" Type="http://schemas.openxmlformats.org/officeDocument/2006/relationships/ctrlProp" Target="../ctrlProps/ctrlProp202.xml"/><Relationship Id="rId226" Type="http://schemas.openxmlformats.org/officeDocument/2006/relationships/ctrlProp" Target="../ctrlProps/ctrlProp223.xml"/><Relationship Id="rId247" Type="http://schemas.openxmlformats.org/officeDocument/2006/relationships/ctrlProp" Target="../ctrlProps/ctrlProp244.xml"/><Relationship Id="rId107" Type="http://schemas.openxmlformats.org/officeDocument/2006/relationships/ctrlProp" Target="../ctrlProps/ctrlProp104.xml"/><Relationship Id="rId11" Type="http://schemas.openxmlformats.org/officeDocument/2006/relationships/ctrlProp" Target="../ctrlProps/ctrlProp8.xml"/><Relationship Id="rId32" Type="http://schemas.openxmlformats.org/officeDocument/2006/relationships/ctrlProp" Target="../ctrlProps/ctrlProp29.xml"/><Relationship Id="rId53" Type="http://schemas.openxmlformats.org/officeDocument/2006/relationships/ctrlProp" Target="../ctrlProps/ctrlProp50.xml"/><Relationship Id="rId74" Type="http://schemas.openxmlformats.org/officeDocument/2006/relationships/ctrlProp" Target="../ctrlProps/ctrlProp71.xml"/><Relationship Id="rId128" Type="http://schemas.openxmlformats.org/officeDocument/2006/relationships/ctrlProp" Target="../ctrlProps/ctrlProp125.xml"/><Relationship Id="rId149" Type="http://schemas.openxmlformats.org/officeDocument/2006/relationships/ctrlProp" Target="../ctrlProps/ctrlProp146.xml"/><Relationship Id="rId5" Type="http://schemas.openxmlformats.org/officeDocument/2006/relationships/ctrlProp" Target="../ctrlProps/ctrlProp2.xml"/><Relationship Id="rId95" Type="http://schemas.openxmlformats.org/officeDocument/2006/relationships/ctrlProp" Target="../ctrlProps/ctrlProp92.xml"/><Relationship Id="rId160" Type="http://schemas.openxmlformats.org/officeDocument/2006/relationships/ctrlProp" Target="../ctrlProps/ctrlProp157.xml"/><Relationship Id="rId181" Type="http://schemas.openxmlformats.org/officeDocument/2006/relationships/ctrlProp" Target="../ctrlProps/ctrlProp178.xml"/><Relationship Id="rId216" Type="http://schemas.openxmlformats.org/officeDocument/2006/relationships/ctrlProp" Target="../ctrlProps/ctrlProp213.xml"/><Relationship Id="rId237" Type="http://schemas.openxmlformats.org/officeDocument/2006/relationships/ctrlProp" Target="../ctrlProps/ctrlProp234.xml"/><Relationship Id="rId22" Type="http://schemas.openxmlformats.org/officeDocument/2006/relationships/ctrlProp" Target="../ctrlProps/ctrlProp19.xml"/><Relationship Id="rId43" Type="http://schemas.openxmlformats.org/officeDocument/2006/relationships/ctrlProp" Target="../ctrlProps/ctrlProp40.xml"/><Relationship Id="rId64" Type="http://schemas.openxmlformats.org/officeDocument/2006/relationships/ctrlProp" Target="../ctrlProps/ctrlProp61.xml"/><Relationship Id="rId118" Type="http://schemas.openxmlformats.org/officeDocument/2006/relationships/ctrlProp" Target="../ctrlProps/ctrlProp115.xml"/><Relationship Id="rId139" Type="http://schemas.openxmlformats.org/officeDocument/2006/relationships/ctrlProp" Target="../ctrlProps/ctrlProp136.xml"/><Relationship Id="rId85" Type="http://schemas.openxmlformats.org/officeDocument/2006/relationships/ctrlProp" Target="../ctrlProps/ctrlProp82.xml"/><Relationship Id="rId150" Type="http://schemas.openxmlformats.org/officeDocument/2006/relationships/ctrlProp" Target="../ctrlProps/ctrlProp147.xml"/><Relationship Id="rId171" Type="http://schemas.openxmlformats.org/officeDocument/2006/relationships/ctrlProp" Target="../ctrlProps/ctrlProp168.xml"/><Relationship Id="rId192" Type="http://schemas.openxmlformats.org/officeDocument/2006/relationships/ctrlProp" Target="../ctrlProps/ctrlProp189.xml"/><Relationship Id="rId206" Type="http://schemas.openxmlformats.org/officeDocument/2006/relationships/ctrlProp" Target="../ctrlProps/ctrlProp203.xml"/><Relationship Id="rId227" Type="http://schemas.openxmlformats.org/officeDocument/2006/relationships/ctrlProp" Target="../ctrlProps/ctrlProp224.xml"/><Relationship Id="rId248" Type="http://schemas.openxmlformats.org/officeDocument/2006/relationships/ctrlProp" Target="../ctrlProps/ctrlProp245.xml"/><Relationship Id="rId12" Type="http://schemas.openxmlformats.org/officeDocument/2006/relationships/ctrlProp" Target="../ctrlProps/ctrlProp9.xml"/><Relationship Id="rId33" Type="http://schemas.openxmlformats.org/officeDocument/2006/relationships/ctrlProp" Target="../ctrlProps/ctrlProp30.xml"/><Relationship Id="rId108" Type="http://schemas.openxmlformats.org/officeDocument/2006/relationships/ctrlProp" Target="../ctrlProps/ctrlProp105.xml"/><Relationship Id="rId129" Type="http://schemas.openxmlformats.org/officeDocument/2006/relationships/ctrlProp" Target="../ctrlProps/ctrlProp126.xml"/><Relationship Id="rId54" Type="http://schemas.openxmlformats.org/officeDocument/2006/relationships/ctrlProp" Target="../ctrlProps/ctrlProp51.xml"/><Relationship Id="rId70" Type="http://schemas.openxmlformats.org/officeDocument/2006/relationships/ctrlProp" Target="../ctrlProps/ctrlProp67.xml"/><Relationship Id="rId75" Type="http://schemas.openxmlformats.org/officeDocument/2006/relationships/ctrlProp" Target="../ctrlProps/ctrlProp72.xml"/><Relationship Id="rId91" Type="http://schemas.openxmlformats.org/officeDocument/2006/relationships/ctrlProp" Target="../ctrlProps/ctrlProp88.xml"/><Relationship Id="rId96" Type="http://schemas.openxmlformats.org/officeDocument/2006/relationships/ctrlProp" Target="../ctrlProps/ctrlProp93.xml"/><Relationship Id="rId140" Type="http://schemas.openxmlformats.org/officeDocument/2006/relationships/ctrlProp" Target="../ctrlProps/ctrlProp137.xml"/><Relationship Id="rId145" Type="http://schemas.openxmlformats.org/officeDocument/2006/relationships/ctrlProp" Target="../ctrlProps/ctrlProp142.xml"/><Relationship Id="rId161" Type="http://schemas.openxmlformats.org/officeDocument/2006/relationships/ctrlProp" Target="../ctrlProps/ctrlProp158.xml"/><Relationship Id="rId166" Type="http://schemas.openxmlformats.org/officeDocument/2006/relationships/ctrlProp" Target="../ctrlProps/ctrlProp163.xml"/><Relationship Id="rId182" Type="http://schemas.openxmlformats.org/officeDocument/2006/relationships/ctrlProp" Target="../ctrlProps/ctrlProp179.xml"/><Relationship Id="rId187" Type="http://schemas.openxmlformats.org/officeDocument/2006/relationships/ctrlProp" Target="../ctrlProps/ctrlProp184.xml"/><Relationship Id="rId217" Type="http://schemas.openxmlformats.org/officeDocument/2006/relationships/ctrlProp" Target="../ctrlProps/ctrlProp214.xml"/><Relationship Id="rId1" Type="http://schemas.openxmlformats.org/officeDocument/2006/relationships/printerSettings" Target="../printerSettings/printerSettings1.bin"/><Relationship Id="rId6" Type="http://schemas.openxmlformats.org/officeDocument/2006/relationships/ctrlProp" Target="../ctrlProps/ctrlProp3.xml"/><Relationship Id="rId212" Type="http://schemas.openxmlformats.org/officeDocument/2006/relationships/ctrlProp" Target="../ctrlProps/ctrlProp209.xml"/><Relationship Id="rId233" Type="http://schemas.openxmlformats.org/officeDocument/2006/relationships/ctrlProp" Target="../ctrlProps/ctrlProp230.xml"/><Relationship Id="rId238" Type="http://schemas.openxmlformats.org/officeDocument/2006/relationships/ctrlProp" Target="../ctrlProps/ctrlProp235.xml"/><Relationship Id="rId23" Type="http://schemas.openxmlformats.org/officeDocument/2006/relationships/ctrlProp" Target="../ctrlProps/ctrlProp20.xml"/><Relationship Id="rId28" Type="http://schemas.openxmlformats.org/officeDocument/2006/relationships/ctrlProp" Target="../ctrlProps/ctrlProp25.xml"/><Relationship Id="rId49" Type="http://schemas.openxmlformats.org/officeDocument/2006/relationships/ctrlProp" Target="../ctrlProps/ctrlProp46.xml"/><Relationship Id="rId114" Type="http://schemas.openxmlformats.org/officeDocument/2006/relationships/ctrlProp" Target="../ctrlProps/ctrlProp111.xml"/><Relationship Id="rId119" Type="http://schemas.openxmlformats.org/officeDocument/2006/relationships/ctrlProp" Target="../ctrlProps/ctrlProp116.xml"/><Relationship Id="rId44" Type="http://schemas.openxmlformats.org/officeDocument/2006/relationships/ctrlProp" Target="../ctrlProps/ctrlProp41.xml"/><Relationship Id="rId60" Type="http://schemas.openxmlformats.org/officeDocument/2006/relationships/ctrlProp" Target="../ctrlProps/ctrlProp57.xml"/><Relationship Id="rId65" Type="http://schemas.openxmlformats.org/officeDocument/2006/relationships/ctrlProp" Target="../ctrlProps/ctrlProp62.xml"/><Relationship Id="rId81" Type="http://schemas.openxmlformats.org/officeDocument/2006/relationships/ctrlProp" Target="../ctrlProps/ctrlProp78.xml"/><Relationship Id="rId86" Type="http://schemas.openxmlformats.org/officeDocument/2006/relationships/ctrlProp" Target="../ctrlProps/ctrlProp83.xml"/><Relationship Id="rId130" Type="http://schemas.openxmlformats.org/officeDocument/2006/relationships/ctrlProp" Target="../ctrlProps/ctrlProp127.xml"/><Relationship Id="rId135" Type="http://schemas.openxmlformats.org/officeDocument/2006/relationships/ctrlProp" Target="../ctrlProps/ctrlProp132.xml"/><Relationship Id="rId151" Type="http://schemas.openxmlformats.org/officeDocument/2006/relationships/ctrlProp" Target="../ctrlProps/ctrlProp148.xml"/><Relationship Id="rId156" Type="http://schemas.openxmlformats.org/officeDocument/2006/relationships/ctrlProp" Target="../ctrlProps/ctrlProp153.xml"/><Relationship Id="rId177" Type="http://schemas.openxmlformats.org/officeDocument/2006/relationships/ctrlProp" Target="../ctrlProps/ctrlProp174.xml"/><Relationship Id="rId198" Type="http://schemas.openxmlformats.org/officeDocument/2006/relationships/ctrlProp" Target="../ctrlProps/ctrlProp195.xml"/><Relationship Id="rId172" Type="http://schemas.openxmlformats.org/officeDocument/2006/relationships/ctrlProp" Target="../ctrlProps/ctrlProp169.xml"/><Relationship Id="rId193" Type="http://schemas.openxmlformats.org/officeDocument/2006/relationships/ctrlProp" Target="../ctrlProps/ctrlProp190.xml"/><Relationship Id="rId202" Type="http://schemas.openxmlformats.org/officeDocument/2006/relationships/ctrlProp" Target="../ctrlProps/ctrlProp199.xml"/><Relationship Id="rId207" Type="http://schemas.openxmlformats.org/officeDocument/2006/relationships/ctrlProp" Target="../ctrlProps/ctrlProp204.xml"/><Relationship Id="rId223" Type="http://schemas.openxmlformats.org/officeDocument/2006/relationships/ctrlProp" Target="../ctrlProps/ctrlProp220.xml"/><Relationship Id="rId228" Type="http://schemas.openxmlformats.org/officeDocument/2006/relationships/ctrlProp" Target="../ctrlProps/ctrlProp225.xml"/><Relationship Id="rId244" Type="http://schemas.openxmlformats.org/officeDocument/2006/relationships/ctrlProp" Target="../ctrlProps/ctrlProp241.xml"/><Relationship Id="rId249" Type="http://schemas.openxmlformats.org/officeDocument/2006/relationships/ctrlProp" Target="../ctrlProps/ctrlProp246.xml"/><Relationship Id="rId13" Type="http://schemas.openxmlformats.org/officeDocument/2006/relationships/ctrlProp" Target="../ctrlProps/ctrlProp10.xml"/><Relationship Id="rId18" Type="http://schemas.openxmlformats.org/officeDocument/2006/relationships/ctrlProp" Target="../ctrlProps/ctrlProp15.xml"/><Relationship Id="rId39" Type="http://schemas.openxmlformats.org/officeDocument/2006/relationships/ctrlProp" Target="../ctrlProps/ctrlProp36.xml"/><Relationship Id="rId109" Type="http://schemas.openxmlformats.org/officeDocument/2006/relationships/ctrlProp" Target="../ctrlProps/ctrlProp106.xml"/><Relationship Id="rId34" Type="http://schemas.openxmlformats.org/officeDocument/2006/relationships/ctrlProp" Target="../ctrlProps/ctrlProp31.xml"/><Relationship Id="rId50" Type="http://schemas.openxmlformats.org/officeDocument/2006/relationships/ctrlProp" Target="../ctrlProps/ctrlProp47.xml"/><Relationship Id="rId55" Type="http://schemas.openxmlformats.org/officeDocument/2006/relationships/ctrlProp" Target="../ctrlProps/ctrlProp52.xml"/><Relationship Id="rId76" Type="http://schemas.openxmlformats.org/officeDocument/2006/relationships/ctrlProp" Target="../ctrlProps/ctrlProp73.xml"/><Relationship Id="rId97" Type="http://schemas.openxmlformats.org/officeDocument/2006/relationships/ctrlProp" Target="../ctrlProps/ctrlProp94.xml"/><Relationship Id="rId104" Type="http://schemas.openxmlformats.org/officeDocument/2006/relationships/ctrlProp" Target="../ctrlProps/ctrlProp101.xml"/><Relationship Id="rId120" Type="http://schemas.openxmlformats.org/officeDocument/2006/relationships/ctrlProp" Target="../ctrlProps/ctrlProp117.xml"/><Relationship Id="rId125" Type="http://schemas.openxmlformats.org/officeDocument/2006/relationships/ctrlProp" Target="../ctrlProps/ctrlProp122.xml"/><Relationship Id="rId141" Type="http://schemas.openxmlformats.org/officeDocument/2006/relationships/ctrlProp" Target="../ctrlProps/ctrlProp138.xml"/><Relationship Id="rId146" Type="http://schemas.openxmlformats.org/officeDocument/2006/relationships/ctrlProp" Target="../ctrlProps/ctrlProp143.xml"/><Relationship Id="rId167" Type="http://schemas.openxmlformats.org/officeDocument/2006/relationships/ctrlProp" Target="../ctrlProps/ctrlProp164.xml"/><Relationship Id="rId188" Type="http://schemas.openxmlformats.org/officeDocument/2006/relationships/ctrlProp" Target="../ctrlProps/ctrlProp185.xml"/><Relationship Id="rId7" Type="http://schemas.openxmlformats.org/officeDocument/2006/relationships/ctrlProp" Target="../ctrlProps/ctrlProp4.xml"/><Relationship Id="rId71" Type="http://schemas.openxmlformats.org/officeDocument/2006/relationships/ctrlProp" Target="../ctrlProps/ctrlProp68.xml"/><Relationship Id="rId92" Type="http://schemas.openxmlformats.org/officeDocument/2006/relationships/ctrlProp" Target="../ctrlProps/ctrlProp89.xml"/><Relationship Id="rId162" Type="http://schemas.openxmlformats.org/officeDocument/2006/relationships/ctrlProp" Target="../ctrlProps/ctrlProp159.xml"/><Relationship Id="rId183" Type="http://schemas.openxmlformats.org/officeDocument/2006/relationships/ctrlProp" Target="../ctrlProps/ctrlProp180.xml"/><Relationship Id="rId213" Type="http://schemas.openxmlformats.org/officeDocument/2006/relationships/ctrlProp" Target="../ctrlProps/ctrlProp210.xml"/><Relationship Id="rId218" Type="http://schemas.openxmlformats.org/officeDocument/2006/relationships/ctrlProp" Target="../ctrlProps/ctrlProp215.xml"/><Relationship Id="rId234" Type="http://schemas.openxmlformats.org/officeDocument/2006/relationships/ctrlProp" Target="../ctrlProps/ctrlProp231.xml"/><Relationship Id="rId239" Type="http://schemas.openxmlformats.org/officeDocument/2006/relationships/ctrlProp" Target="../ctrlProps/ctrlProp236.xml"/><Relationship Id="rId2" Type="http://schemas.openxmlformats.org/officeDocument/2006/relationships/drawing" Target="../drawings/drawing1.xml"/><Relationship Id="rId29" Type="http://schemas.openxmlformats.org/officeDocument/2006/relationships/ctrlProp" Target="../ctrlProps/ctrlProp26.xml"/><Relationship Id="rId250" Type="http://schemas.openxmlformats.org/officeDocument/2006/relationships/ctrlProp" Target="../ctrlProps/ctrlProp247.xml"/><Relationship Id="rId24" Type="http://schemas.openxmlformats.org/officeDocument/2006/relationships/ctrlProp" Target="../ctrlProps/ctrlProp21.xml"/><Relationship Id="rId40" Type="http://schemas.openxmlformats.org/officeDocument/2006/relationships/ctrlProp" Target="../ctrlProps/ctrlProp37.xml"/><Relationship Id="rId45" Type="http://schemas.openxmlformats.org/officeDocument/2006/relationships/ctrlProp" Target="../ctrlProps/ctrlProp42.xml"/><Relationship Id="rId66" Type="http://schemas.openxmlformats.org/officeDocument/2006/relationships/ctrlProp" Target="../ctrlProps/ctrlProp63.xml"/><Relationship Id="rId87" Type="http://schemas.openxmlformats.org/officeDocument/2006/relationships/ctrlProp" Target="../ctrlProps/ctrlProp84.xml"/><Relationship Id="rId110" Type="http://schemas.openxmlformats.org/officeDocument/2006/relationships/ctrlProp" Target="../ctrlProps/ctrlProp107.xml"/><Relationship Id="rId115" Type="http://schemas.openxmlformats.org/officeDocument/2006/relationships/ctrlProp" Target="../ctrlProps/ctrlProp112.xml"/><Relationship Id="rId131" Type="http://schemas.openxmlformats.org/officeDocument/2006/relationships/ctrlProp" Target="../ctrlProps/ctrlProp128.xml"/><Relationship Id="rId136" Type="http://schemas.openxmlformats.org/officeDocument/2006/relationships/ctrlProp" Target="../ctrlProps/ctrlProp133.xml"/><Relationship Id="rId157" Type="http://schemas.openxmlformats.org/officeDocument/2006/relationships/ctrlProp" Target="../ctrlProps/ctrlProp154.xml"/><Relationship Id="rId178" Type="http://schemas.openxmlformats.org/officeDocument/2006/relationships/ctrlProp" Target="../ctrlProps/ctrlProp175.xml"/><Relationship Id="rId61" Type="http://schemas.openxmlformats.org/officeDocument/2006/relationships/ctrlProp" Target="../ctrlProps/ctrlProp58.xml"/><Relationship Id="rId82" Type="http://schemas.openxmlformats.org/officeDocument/2006/relationships/ctrlProp" Target="../ctrlProps/ctrlProp79.xml"/><Relationship Id="rId152" Type="http://schemas.openxmlformats.org/officeDocument/2006/relationships/ctrlProp" Target="../ctrlProps/ctrlProp149.xml"/><Relationship Id="rId173" Type="http://schemas.openxmlformats.org/officeDocument/2006/relationships/ctrlProp" Target="../ctrlProps/ctrlProp170.xml"/><Relationship Id="rId194" Type="http://schemas.openxmlformats.org/officeDocument/2006/relationships/ctrlProp" Target="../ctrlProps/ctrlProp191.xml"/><Relationship Id="rId199" Type="http://schemas.openxmlformats.org/officeDocument/2006/relationships/ctrlProp" Target="../ctrlProps/ctrlProp196.xml"/><Relationship Id="rId203" Type="http://schemas.openxmlformats.org/officeDocument/2006/relationships/ctrlProp" Target="../ctrlProps/ctrlProp200.xml"/><Relationship Id="rId208" Type="http://schemas.openxmlformats.org/officeDocument/2006/relationships/ctrlProp" Target="../ctrlProps/ctrlProp205.xml"/><Relationship Id="rId229" Type="http://schemas.openxmlformats.org/officeDocument/2006/relationships/ctrlProp" Target="../ctrlProps/ctrlProp226.xml"/><Relationship Id="rId19" Type="http://schemas.openxmlformats.org/officeDocument/2006/relationships/ctrlProp" Target="../ctrlProps/ctrlProp16.xml"/><Relationship Id="rId224" Type="http://schemas.openxmlformats.org/officeDocument/2006/relationships/ctrlProp" Target="../ctrlProps/ctrlProp221.xml"/><Relationship Id="rId240" Type="http://schemas.openxmlformats.org/officeDocument/2006/relationships/ctrlProp" Target="../ctrlProps/ctrlProp237.xml"/><Relationship Id="rId245" Type="http://schemas.openxmlformats.org/officeDocument/2006/relationships/ctrlProp" Target="../ctrlProps/ctrlProp242.xml"/><Relationship Id="rId14" Type="http://schemas.openxmlformats.org/officeDocument/2006/relationships/ctrlProp" Target="../ctrlProps/ctrlProp11.xml"/><Relationship Id="rId30" Type="http://schemas.openxmlformats.org/officeDocument/2006/relationships/ctrlProp" Target="../ctrlProps/ctrlProp27.xml"/><Relationship Id="rId35" Type="http://schemas.openxmlformats.org/officeDocument/2006/relationships/ctrlProp" Target="../ctrlProps/ctrlProp32.xml"/><Relationship Id="rId56" Type="http://schemas.openxmlformats.org/officeDocument/2006/relationships/ctrlProp" Target="../ctrlProps/ctrlProp53.xml"/><Relationship Id="rId77" Type="http://schemas.openxmlformats.org/officeDocument/2006/relationships/ctrlProp" Target="../ctrlProps/ctrlProp74.xml"/><Relationship Id="rId100" Type="http://schemas.openxmlformats.org/officeDocument/2006/relationships/ctrlProp" Target="../ctrlProps/ctrlProp97.xml"/><Relationship Id="rId105" Type="http://schemas.openxmlformats.org/officeDocument/2006/relationships/ctrlProp" Target="../ctrlProps/ctrlProp102.xml"/><Relationship Id="rId126" Type="http://schemas.openxmlformats.org/officeDocument/2006/relationships/ctrlProp" Target="../ctrlProps/ctrlProp123.xml"/><Relationship Id="rId147" Type="http://schemas.openxmlformats.org/officeDocument/2006/relationships/ctrlProp" Target="../ctrlProps/ctrlProp144.xml"/><Relationship Id="rId168" Type="http://schemas.openxmlformats.org/officeDocument/2006/relationships/ctrlProp" Target="../ctrlProps/ctrlProp165.xml"/><Relationship Id="rId8" Type="http://schemas.openxmlformats.org/officeDocument/2006/relationships/ctrlProp" Target="../ctrlProps/ctrlProp5.xml"/><Relationship Id="rId51" Type="http://schemas.openxmlformats.org/officeDocument/2006/relationships/ctrlProp" Target="../ctrlProps/ctrlProp48.xml"/><Relationship Id="rId72" Type="http://schemas.openxmlformats.org/officeDocument/2006/relationships/ctrlProp" Target="../ctrlProps/ctrlProp69.xml"/><Relationship Id="rId93" Type="http://schemas.openxmlformats.org/officeDocument/2006/relationships/ctrlProp" Target="../ctrlProps/ctrlProp90.xml"/><Relationship Id="rId98" Type="http://schemas.openxmlformats.org/officeDocument/2006/relationships/ctrlProp" Target="../ctrlProps/ctrlProp95.xml"/><Relationship Id="rId121" Type="http://schemas.openxmlformats.org/officeDocument/2006/relationships/ctrlProp" Target="../ctrlProps/ctrlProp118.xml"/><Relationship Id="rId142" Type="http://schemas.openxmlformats.org/officeDocument/2006/relationships/ctrlProp" Target="../ctrlProps/ctrlProp139.xml"/><Relationship Id="rId163" Type="http://schemas.openxmlformats.org/officeDocument/2006/relationships/ctrlProp" Target="../ctrlProps/ctrlProp160.xml"/><Relationship Id="rId184" Type="http://schemas.openxmlformats.org/officeDocument/2006/relationships/ctrlProp" Target="../ctrlProps/ctrlProp181.xml"/><Relationship Id="rId189" Type="http://schemas.openxmlformats.org/officeDocument/2006/relationships/ctrlProp" Target="../ctrlProps/ctrlProp186.xml"/><Relationship Id="rId219" Type="http://schemas.openxmlformats.org/officeDocument/2006/relationships/ctrlProp" Target="../ctrlProps/ctrlProp216.xml"/><Relationship Id="rId3" Type="http://schemas.openxmlformats.org/officeDocument/2006/relationships/vmlDrawing" Target="../drawings/vmlDrawing1.vml"/><Relationship Id="rId214" Type="http://schemas.openxmlformats.org/officeDocument/2006/relationships/ctrlProp" Target="../ctrlProps/ctrlProp211.xml"/><Relationship Id="rId230" Type="http://schemas.openxmlformats.org/officeDocument/2006/relationships/ctrlProp" Target="../ctrlProps/ctrlProp227.xml"/><Relationship Id="rId235" Type="http://schemas.openxmlformats.org/officeDocument/2006/relationships/ctrlProp" Target="../ctrlProps/ctrlProp232.xml"/><Relationship Id="rId251" Type="http://schemas.openxmlformats.org/officeDocument/2006/relationships/ctrlProp" Target="../ctrlProps/ctrlProp248.xml"/><Relationship Id="rId25" Type="http://schemas.openxmlformats.org/officeDocument/2006/relationships/ctrlProp" Target="../ctrlProps/ctrlProp22.xml"/><Relationship Id="rId46" Type="http://schemas.openxmlformats.org/officeDocument/2006/relationships/ctrlProp" Target="../ctrlProps/ctrlProp43.xml"/><Relationship Id="rId67" Type="http://schemas.openxmlformats.org/officeDocument/2006/relationships/ctrlProp" Target="../ctrlProps/ctrlProp64.xml"/><Relationship Id="rId116" Type="http://schemas.openxmlformats.org/officeDocument/2006/relationships/ctrlProp" Target="../ctrlProps/ctrlProp113.xml"/><Relationship Id="rId137" Type="http://schemas.openxmlformats.org/officeDocument/2006/relationships/ctrlProp" Target="../ctrlProps/ctrlProp134.xml"/><Relationship Id="rId158" Type="http://schemas.openxmlformats.org/officeDocument/2006/relationships/ctrlProp" Target="../ctrlProps/ctrlProp155.xml"/><Relationship Id="rId20" Type="http://schemas.openxmlformats.org/officeDocument/2006/relationships/ctrlProp" Target="../ctrlProps/ctrlProp17.xml"/><Relationship Id="rId41" Type="http://schemas.openxmlformats.org/officeDocument/2006/relationships/ctrlProp" Target="../ctrlProps/ctrlProp38.xml"/><Relationship Id="rId62" Type="http://schemas.openxmlformats.org/officeDocument/2006/relationships/ctrlProp" Target="../ctrlProps/ctrlProp59.xml"/><Relationship Id="rId83" Type="http://schemas.openxmlformats.org/officeDocument/2006/relationships/ctrlProp" Target="../ctrlProps/ctrlProp80.xml"/><Relationship Id="rId88" Type="http://schemas.openxmlformats.org/officeDocument/2006/relationships/ctrlProp" Target="../ctrlProps/ctrlProp85.xml"/><Relationship Id="rId111" Type="http://schemas.openxmlformats.org/officeDocument/2006/relationships/ctrlProp" Target="../ctrlProps/ctrlProp108.xml"/><Relationship Id="rId132" Type="http://schemas.openxmlformats.org/officeDocument/2006/relationships/ctrlProp" Target="../ctrlProps/ctrlProp129.xml"/><Relationship Id="rId153" Type="http://schemas.openxmlformats.org/officeDocument/2006/relationships/ctrlProp" Target="../ctrlProps/ctrlProp150.xml"/><Relationship Id="rId174" Type="http://schemas.openxmlformats.org/officeDocument/2006/relationships/ctrlProp" Target="../ctrlProps/ctrlProp171.xml"/><Relationship Id="rId179" Type="http://schemas.openxmlformats.org/officeDocument/2006/relationships/ctrlProp" Target="../ctrlProps/ctrlProp176.xml"/><Relationship Id="rId195" Type="http://schemas.openxmlformats.org/officeDocument/2006/relationships/ctrlProp" Target="../ctrlProps/ctrlProp192.xml"/><Relationship Id="rId209" Type="http://schemas.openxmlformats.org/officeDocument/2006/relationships/ctrlProp" Target="../ctrlProps/ctrlProp206.xml"/><Relationship Id="rId190" Type="http://schemas.openxmlformats.org/officeDocument/2006/relationships/ctrlProp" Target="../ctrlProps/ctrlProp187.xml"/><Relationship Id="rId204" Type="http://schemas.openxmlformats.org/officeDocument/2006/relationships/ctrlProp" Target="../ctrlProps/ctrlProp201.xml"/><Relationship Id="rId220" Type="http://schemas.openxmlformats.org/officeDocument/2006/relationships/ctrlProp" Target="../ctrlProps/ctrlProp217.xml"/><Relationship Id="rId225" Type="http://schemas.openxmlformats.org/officeDocument/2006/relationships/ctrlProp" Target="../ctrlProps/ctrlProp222.xml"/><Relationship Id="rId241" Type="http://schemas.openxmlformats.org/officeDocument/2006/relationships/ctrlProp" Target="../ctrlProps/ctrlProp238.xml"/><Relationship Id="rId246" Type="http://schemas.openxmlformats.org/officeDocument/2006/relationships/ctrlProp" Target="../ctrlProps/ctrlProp243.xml"/><Relationship Id="rId15" Type="http://schemas.openxmlformats.org/officeDocument/2006/relationships/ctrlProp" Target="../ctrlProps/ctrlProp12.xml"/><Relationship Id="rId36" Type="http://schemas.openxmlformats.org/officeDocument/2006/relationships/ctrlProp" Target="../ctrlProps/ctrlProp33.xml"/><Relationship Id="rId57" Type="http://schemas.openxmlformats.org/officeDocument/2006/relationships/ctrlProp" Target="../ctrlProps/ctrlProp54.xml"/><Relationship Id="rId106" Type="http://schemas.openxmlformats.org/officeDocument/2006/relationships/ctrlProp" Target="../ctrlProps/ctrlProp103.xml"/><Relationship Id="rId127" Type="http://schemas.openxmlformats.org/officeDocument/2006/relationships/ctrlProp" Target="../ctrlProps/ctrlProp124.xml"/><Relationship Id="rId10" Type="http://schemas.openxmlformats.org/officeDocument/2006/relationships/ctrlProp" Target="../ctrlProps/ctrlProp7.xml"/><Relationship Id="rId31" Type="http://schemas.openxmlformats.org/officeDocument/2006/relationships/ctrlProp" Target="../ctrlProps/ctrlProp28.xml"/><Relationship Id="rId52" Type="http://schemas.openxmlformats.org/officeDocument/2006/relationships/ctrlProp" Target="../ctrlProps/ctrlProp49.xml"/><Relationship Id="rId73" Type="http://schemas.openxmlformats.org/officeDocument/2006/relationships/ctrlProp" Target="../ctrlProps/ctrlProp70.xml"/><Relationship Id="rId78" Type="http://schemas.openxmlformats.org/officeDocument/2006/relationships/ctrlProp" Target="../ctrlProps/ctrlProp75.xml"/><Relationship Id="rId94" Type="http://schemas.openxmlformats.org/officeDocument/2006/relationships/ctrlProp" Target="../ctrlProps/ctrlProp91.xml"/><Relationship Id="rId99" Type="http://schemas.openxmlformats.org/officeDocument/2006/relationships/ctrlProp" Target="../ctrlProps/ctrlProp96.xml"/><Relationship Id="rId101" Type="http://schemas.openxmlformats.org/officeDocument/2006/relationships/ctrlProp" Target="../ctrlProps/ctrlProp98.xml"/><Relationship Id="rId122" Type="http://schemas.openxmlformats.org/officeDocument/2006/relationships/ctrlProp" Target="../ctrlProps/ctrlProp119.xml"/><Relationship Id="rId143" Type="http://schemas.openxmlformats.org/officeDocument/2006/relationships/ctrlProp" Target="../ctrlProps/ctrlProp140.xml"/><Relationship Id="rId148" Type="http://schemas.openxmlformats.org/officeDocument/2006/relationships/ctrlProp" Target="../ctrlProps/ctrlProp145.xml"/><Relationship Id="rId164" Type="http://schemas.openxmlformats.org/officeDocument/2006/relationships/ctrlProp" Target="../ctrlProps/ctrlProp161.xml"/><Relationship Id="rId169" Type="http://schemas.openxmlformats.org/officeDocument/2006/relationships/ctrlProp" Target="../ctrlProps/ctrlProp166.xml"/><Relationship Id="rId185" Type="http://schemas.openxmlformats.org/officeDocument/2006/relationships/ctrlProp" Target="../ctrlProps/ctrlProp182.xml"/><Relationship Id="rId4" Type="http://schemas.openxmlformats.org/officeDocument/2006/relationships/ctrlProp" Target="../ctrlProps/ctrlProp1.xml"/><Relationship Id="rId9" Type="http://schemas.openxmlformats.org/officeDocument/2006/relationships/ctrlProp" Target="../ctrlProps/ctrlProp6.xml"/><Relationship Id="rId180" Type="http://schemas.openxmlformats.org/officeDocument/2006/relationships/ctrlProp" Target="../ctrlProps/ctrlProp177.xml"/><Relationship Id="rId210" Type="http://schemas.openxmlformats.org/officeDocument/2006/relationships/ctrlProp" Target="../ctrlProps/ctrlProp207.xml"/><Relationship Id="rId215" Type="http://schemas.openxmlformats.org/officeDocument/2006/relationships/ctrlProp" Target="../ctrlProps/ctrlProp212.xml"/><Relationship Id="rId236" Type="http://schemas.openxmlformats.org/officeDocument/2006/relationships/ctrlProp" Target="../ctrlProps/ctrlProp233.xml"/><Relationship Id="rId26" Type="http://schemas.openxmlformats.org/officeDocument/2006/relationships/ctrlProp" Target="../ctrlProps/ctrlProp23.xml"/><Relationship Id="rId231" Type="http://schemas.openxmlformats.org/officeDocument/2006/relationships/ctrlProp" Target="../ctrlProps/ctrlProp228.xml"/><Relationship Id="rId252" Type="http://schemas.openxmlformats.org/officeDocument/2006/relationships/ctrlProp" Target="../ctrlProps/ctrlProp249.xml"/><Relationship Id="rId47" Type="http://schemas.openxmlformats.org/officeDocument/2006/relationships/ctrlProp" Target="../ctrlProps/ctrlProp44.xml"/><Relationship Id="rId68" Type="http://schemas.openxmlformats.org/officeDocument/2006/relationships/ctrlProp" Target="../ctrlProps/ctrlProp65.xml"/><Relationship Id="rId89" Type="http://schemas.openxmlformats.org/officeDocument/2006/relationships/ctrlProp" Target="../ctrlProps/ctrlProp86.xml"/><Relationship Id="rId112" Type="http://schemas.openxmlformats.org/officeDocument/2006/relationships/ctrlProp" Target="../ctrlProps/ctrlProp109.xml"/><Relationship Id="rId133" Type="http://schemas.openxmlformats.org/officeDocument/2006/relationships/ctrlProp" Target="../ctrlProps/ctrlProp130.xml"/><Relationship Id="rId154" Type="http://schemas.openxmlformats.org/officeDocument/2006/relationships/ctrlProp" Target="../ctrlProps/ctrlProp151.xml"/><Relationship Id="rId175" Type="http://schemas.openxmlformats.org/officeDocument/2006/relationships/ctrlProp" Target="../ctrlProps/ctrlProp172.xml"/><Relationship Id="rId196" Type="http://schemas.openxmlformats.org/officeDocument/2006/relationships/ctrlProp" Target="../ctrlProps/ctrlProp193.xml"/><Relationship Id="rId200" Type="http://schemas.openxmlformats.org/officeDocument/2006/relationships/ctrlProp" Target="../ctrlProps/ctrlProp197.xml"/><Relationship Id="rId16" Type="http://schemas.openxmlformats.org/officeDocument/2006/relationships/ctrlProp" Target="../ctrlProps/ctrlProp13.xml"/><Relationship Id="rId221" Type="http://schemas.openxmlformats.org/officeDocument/2006/relationships/ctrlProp" Target="../ctrlProps/ctrlProp218.xml"/><Relationship Id="rId242" Type="http://schemas.openxmlformats.org/officeDocument/2006/relationships/ctrlProp" Target="../ctrlProps/ctrlProp239.xml"/><Relationship Id="rId37" Type="http://schemas.openxmlformats.org/officeDocument/2006/relationships/ctrlProp" Target="../ctrlProps/ctrlProp34.xml"/><Relationship Id="rId58" Type="http://schemas.openxmlformats.org/officeDocument/2006/relationships/ctrlProp" Target="../ctrlProps/ctrlProp55.xml"/><Relationship Id="rId79" Type="http://schemas.openxmlformats.org/officeDocument/2006/relationships/ctrlProp" Target="../ctrlProps/ctrlProp76.xml"/><Relationship Id="rId102" Type="http://schemas.openxmlformats.org/officeDocument/2006/relationships/ctrlProp" Target="../ctrlProps/ctrlProp99.xml"/><Relationship Id="rId123" Type="http://schemas.openxmlformats.org/officeDocument/2006/relationships/ctrlProp" Target="../ctrlProps/ctrlProp120.xml"/><Relationship Id="rId144" Type="http://schemas.openxmlformats.org/officeDocument/2006/relationships/ctrlProp" Target="../ctrlProps/ctrlProp141.xml"/><Relationship Id="rId90" Type="http://schemas.openxmlformats.org/officeDocument/2006/relationships/ctrlProp" Target="../ctrlProps/ctrlProp87.xml"/><Relationship Id="rId165" Type="http://schemas.openxmlformats.org/officeDocument/2006/relationships/ctrlProp" Target="../ctrlProps/ctrlProp162.xml"/><Relationship Id="rId186" Type="http://schemas.openxmlformats.org/officeDocument/2006/relationships/ctrlProp" Target="../ctrlProps/ctrlProp183.xml"/><Relationship Id="rId211" Type="http://schemas.openxmlformats.org/officeDocument/2006/relationships/ctrlProp" Target="../ctrlProps/ctrlProp208.xml"/><Relationship Id="rId232" Type="http://schemas.openxmlformats.org/officeDocument/2006/relationships/ctrlProp" Target="../ctrlProps/ctrlProp229.xml"/><Relationship Id="rId253" Type="http://schemas.openxmlformats.org/officeDocument/2006/relationships/ctrlProp" Target="../ctrlProps/ctrlProp250.xml"/><Relationship Id="rId27" Type="http://schemas.openxmlformats.org/officeDocument/2006/relationships/ctrlProp" Target="../ctrlProps/ctrlProp24.xml"/><Relationship Id="rId48" Type="http://schemas.openxmlformats.org/officeDocument/2006/relationships/ctrlProp" Target="../ctrlProps/ctrlProp45.xml"/><Relationship Id="rId69" Type="http://schemas.openxmlformats.org/officeDocument/2006/relationships/ctrlProp" Target="../ctrlProps/ctrlProp66.xml"/><Relationship Id="rId113" Type="http://schemas.openxmlformats.org/officeDocument/2006/relationships/ctrlProp" Target="../ctrlProps/ctrlProp110.xml"/><Relationship Id="rId134" Type="http://schemas.openxmlformats.org/officeDocument/2006/relationships/ctrlProp" Target="../ctrlProps/ctrlProp131.xml"/><Relationship Id="rId80" Type="http://schemas.openxmlformats.org/officeDocument/2006/relationships/ctrlProp" Target="../ctrlProps/ctrlProp77.xml"/><Relationship Id="rId155" Type="http://schemas.openxmlformats.org/officeDocument/2006/relationships/ctrlProp" Target="../ctrlProps/ctrlProp152.xml"/><Relationship Id="rId176" Type="http://schemas.openxmlformats.org/officeDocument/2006/relationships/ctrlProp" Target="../ctrlProps/ctrlProp173.xml"/><Relationship Id="rId197" Type="http://schemas.openxmlformats.org/officeDocument/2006/relationships/ctrlProp" Target="../ctrlProps/ctrlProp194.xml"/><Relationship Id="rId201" Type="http://schemas.openxmlformats.org/officeDocument/2006/relationships/ctrlProp" Target="../ctrlProps/ctrlProp198.xml"/><Relationship Id="rId222" Type="http://schemas.openxmlformats.org/officeDocument/2006/relationships/ctrlProp" Target="../ctrlProps/ctrlProp219.xml"/><Relationship Id="rId243" Type="http://schemas.openxmlformats.org/officeDocument/2006/relationships/ctrlProp" Target="../ctrlProps/ctrlProp240.xml"/><Relationship Id="rId17" Type="http://schemas.openxmlformats.org/officeDocument/2006/relationships/ctrlProp" Target="../ctrlProps/ctrlProp14.xml"/><Relationship Id="rId38" Type="http://schemas.openxmlformats.org/officeDocument/2006/relationships/ctrlProp" Target="../ctrlProps/ctrlProp35.xml"/><Relationship Id="rId59" Type="http://schemas.openxmlformats.org/officeDocument/2006/relationships/ctrlProp" Target="../ctrlProps/ctrlProp56.xml"/><Relationship Id="rId103" Type="http://schemas.openxmlformats.org/officeDocument/2006/relationships/ctrlProp" Target="../ctrlProps/ctrlProp100.xml"/><Relationship Id="rId124" Type="http://schemas.openxmlformats.org/officeDocument/2006/relationships/ctrlProp" Target="../ctrlProps/ctrlProp12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I162"/>
  <sheetViews>
    <sheetView view="pageBreakPreview" zoomScaleNormal="100" zoomScaleSheetLayoutView="100" workbookViewId="0">
      <selection activeCell="AB143" sqref="AB143"/>
    </sheetView>
  </sheetViews>
  <sheetFormatPr defaultRowHeight="13.5"/>
  <cols>
    <col min="1" max="90" width="2.375" customWidth="1"/>
  </cols>
  <sheetData>
    <row r="1" spans="1:61" ht="13.5" customHeight="1">
      <c r="A1" s="474" t="s">
        <v>107</v>
      </c>
      <c r="B1" s="475"/>
      <c r="C1" s="475"/>
      <c r="D1" s="475"/>
      <c r="E1" s="475"/>
      <c r="F1" s="475"/>
      <c r="G1" s="476"/>
      <c r="H1" s="474" t="s">
        <v>108</v>
      </c>
      <c r="I1" s="475"/>
      <c r="J1" s="475"/>
      <c r="K1" s="475"/>
      <c r="L1" s="475"/>
      <c r="M1" s="475"/>
      <c r="N1" s="475"/>
      <c r="O1" s="475"/>
      <c r="P1" s="475"/>
      <c r="Q1" s="475"/>
      <c r="R1" s="475"/>
      <c r="S1" s="475"/>
      <c r="T1" s="475"/>
      <c r="U1" s="475"/>
      <c r="V1" s="475"/>
      <c r="W1" s="476"/>
      <c r="X1" s="382"/>
      <c r="Y1" s="477" t="s">
        <v>109</v>
      </c>
      <c r="Z1" s="477"/>
      <c r="AA1" s="477"/>
      <c r="AB1" s="477"/>
      <c r="AC1" s="477"/>
      <c r="AD1" s="477"/>
      <c r="AE1" s="477"/>
      <c r="AF1" s="477"/>
      <c r="AG1" s="477"/>
      <c r="AH1" s="477"/>
      <c r="AI1" s="477"/>
      <c r="AJ1" s="477"/>
      <c r="AK1" s="477"/>
      <c r="AL1" s="477"/>
      <c r="AM1" s="477"/>
      <c r="AN1" s="477"/>
      <c r="AO1" s="477"/>
      <c r="AP1" s="477"/>
      <c r="AQ1" s="477"/>
      <c r="AR1" s="477"/>
      <c r="AS1" s="477"/>
      <c r="AT1" s="477"/>
      <c r="AU1" s="477"/>
      <c r="AV1" s="477"/>
      <c r="AW1" s="477"/>
      <c r="AX1" s="477"/>
      <c r="AY1" s="477"/>
      <c r="AZ1" s="477"/>
      <c r="BA1" s="477"/>
      <c r="BB1" s="477"/>
      <c r="BC1" s="477"/>
      <c r="BD1" s="477"/>
      <c r="BE1" s="477"/>
      <c r="BF1" s="477"/>
      <c r="BG1" s="477"/>
      <c r="BH1" s="477"/>
      <c r="BI1" s="383"/>
    </row>
    <row r="2" spans="1:61" ht="13.5" customHeight="1">
      <c r="A2" s="478" t="s">
        <v>110</v>
      </c>
      <c r="B2" s="479"/>
      <c r="C2" s="479"/>
      <c r="D2" s="479"/>
      <c r="E2" s="479"/>
      <c r="F2" s="479"/>
      <c r="G2" s="480"/>
      <c r="H2" s="384"/>
      <c r="I2" s="385" t="s">
        <v>111</v>
      </c>
      <c r="J2" s="385"/>
      <c r="K2" s="385"/>
      <c r="L2" s="385"/>
      <c r="M2" s="385"/>
      <c r="N2" s="385"/>
      <c r="O2" s="385"/>
      <c r="P2" s="385"/>
      <c r="Q2" s="385"/>
      <c r="R2" s="385"/>
      <c r="S2" s="385"/>
      <c r="T2" s="385"/>
      <c r="U2" s="385"/>
      <c r="V2" s="385"/>
      <c r="W2" s="386"/>
      <c r="X2" s="384"/>
      <c r="Y2" s="385" t="s">
        <v>112</v>
      </c>
      <c r="Z2" s="385"/>
      <c r="AA2" s="385"/>
      <c r="AB2" s="385"/>
      <c r="AC2" s="385"/>
      <c r="AD2" s="385"/>
      <c r="AE2" s="385"/>
      <c r="AF2" s="385"/>
      <c r="AG2" s="385"/>
      <c r="AH2" s="385"/>
      <c r="AI2" s="385"/>
      <c r="AJ2" s="385"/>
      <c r="AK2" s="385"/>
      <c r="AL2" s="385"/>
      <c r="AM2" s="385"/>
      <c r="AN2" s="385"/>
      <c r="AO2" s="385"/>
      <c r="AP2" s="385"/>
      <c r="AQ2" s="385"/>
      <c r="AR2" s="385"/>
      <c r="AS2" s="385"/>
      <c r="AT2" s="385"/>
      <c r="AU2" s="385"/>
      <c r="AV2" s="385"/>
      <c r="AW2" s="385"/>
      <c r="AX2" s="385"/>
      <c r="AY2" s="385"/>
      <c r="AZ2" s="385"/>
      <c r="BA2" s="385"/>
      <c r="BB2" s="385"/>
      <c r="BC2" s="385"/>
      <c r="BD2" s="385"/>
      <c r="BE2" s="385"/>
      <c r="BF2" s="385"/>
      <c r="BG2" s="385"/>
      <c r="BH2" s="385"/>
      <c r="BI2" s="386"/>
    </row>
    <row r="3" spans="1:61" ht="13.5" customHeight="1">
      <c r="A3" s="387"/>
      <c r="B3" s="388"/>
      <c r="C3" s="388"/>
      <c r="D3" s="388"/>
      <c r="E3" s="388"/>
      <c r="F3" s="388"/>
      <c r="G3" s="389"/>
      <c r="H3" s="390"/>
      <c r="I3" s="391" t="s">
        <v>113</v>
      </c>
      <c r="J3" s="391"/>
      <c r="K3" s="391"/>
      <c r="L3" s="391"/>
      <c r="M3" s="391"/>
      <c r="N3" s="391"/>
      <c r="O3" s="391"/>
      <c r="P3" s="391"/>
      <c r="Q3" s="391"/>
      <c r="R3" s="391"/>
      <c r="S3" s="391"/>
      <c r="T3" s="391"/>
      <c r="U3" s="391"/>
      <c r="V3" s="391"/>
      <c r="W3" s="392"/>
      <c r="X3" s="390"/>
      <c r="Y3" s="393" t="s">
        <v>114</v>
      </c>
      <c r="Z3" s="391"/>
      <c r="AA3" s="391"/>
      <c r="AB3" s="391"/>
      <c r="AC3" s="391"/>
      <c r="AD3" s="391"/>
      <c r="AE3" s="391"/>
      <c r="AF3" s="391"/>
      <c r="AG3" s="391"/>
      <c r="AH3" s="391"/>
      <c r="AI3" s="391"/>
      <c r="AJ3" s="391"/>
      <c r="AK3" s="391"/>
      <c r="AL3" s="391"/>
      <c r="AM3" s="391"/>
      <c r="AN3" s="391"/>
      <c r="AO3" s="391"/>
      <c r="AP3" s="391"/>
      <c r="AQ3" s="391"/>
      <c r="AR3" s="391"/>
      <c r="AS3" s="391"/>
      <c r="AT3" s="391"/>
      <c r="AU3" s="391"/>
      <c r="AV3" s="391"/>
      <c r="AW3" s="391"/>
      <c r="AX3" s="391"/>
      <c r="AY3" s="391"/>
      <c r="AZ3" s="391"/>
      <c r="BA3" s="391"/>
      <c r="BB3" s="391"/>
      <c r="BC3" s="391"/>
      <c r="BD3" s="391"/>
      <c r="BE3" s="391"/>
      <c r="BF3" s="391"/>
      <c r="BG3" s="391"/>
      <c r="BH3" s="391"/>
      <c r="BI3" s="392"/>
    </row>
    <row r="4" spans="1:61" ht="13.5" customHeight="1">
      <c r="A4" s="387"/>
      <c r="B4" s="388"/>
      <c r="C4" s="388"/>
      <c r="D4" s="388"/>
      <c r="E4" s="388"/>
      <c r="F4" s="388"/>
      <c r="G4" s="389"/>
      <c r="H4" s="390"/>
      <c r="I4" s="394"/>
      <c r="J4" s="391"/>
      <c r="K4" s="391"/>
      <c r="L4" s="391"/>
      <c r="M4" s="391"/>
      <c r="N4" s="391"/>
      <c r="O4" s="391"/>
      <c r="P4" s="391"/>
      <c r="Q4" s="391"/>
      <c r="R4" s="391"/>
      <c r="S4" s="391"/>
      <c r="T4" s="391"/>
      <c r="U4" s="391"/>
      <c r="V4" s="391"/>
      <c r="W4" s="392"/>
      <c r="X4" s="390"/>
      <c r="Y4" s="395" t="s">
        <v>115</v>
      </c>
      <c r="Z4" s="391"/>
      <c r="AA4" s="391"/>
      <c r="AB4" s="391"/>
      <c r="AC4" s="391"/>
      <c r="AD4" s="391"/>
      <c r="AE4" s="391"/>
      <c r="AF4" s="391"/>
      <c r="AG4" s="391"/>
      <c r="AH4" s="391"/>
      <c r="AI4" s="391"/>
      <c r="AJ4" s="391"/>
      <c r="AK4" s="391"/>
      <c r="AL4" s="391"/>
      <c r="AM4" s="391"/>
      <c r="AN4" s="391"/>
      <c r="AO4" s="393" t="s">
        <v>116</v>
      </c>
      <c r="AP4" s="391"/>
      <c r="AQ4" s="391"/>
      <c r="AR4" s="391"/>
      <c r="AS4" s="391"/>
      <c r="AT4" s="391"/>
      <c r="AU4" s="391"/>
      <c r="AV4" s="391"/>
      <c r="AW4" s="391"/>
      <c r="AX4" s="391"/>
      <c r="AY4" s="391"/>
      <c r="AZ4" s="391"/>
      <c r="BA4" s="391"/>
      <c r="BB4" s="391"/>
      <c r="BC4" s="391"/>
      <c r="BD4" s="391"/>
      <c r="BE4" s="391"/>
      <c r="BF4" s="391"/>
      <c r="BG4" s="391"/>
      <c r="BH4" s="391"/>
      <c r="BI4" s="392"/>
    </row>
    <row r="5" spans="1:61" ht="13.5" customHeight="1">
      <c r="A5" s="387"/>
      <c r="B5" s="388"/>
      <c r="C5" s="388"/>
      <c r="D5" s="388"/>
      <c r="E5" s="388"/>
      <c r="F5" s="388"/>
      <c r="G5" s="389"/>
      <c r="H5" s="390"/>
      <c r="I5" s="391" t="s">
        <v>117</v>
      </c>
      <c r="J5" s="391"/>
      <c r="K5" s="391"/>
      <c r="L5" s="391"/>
      <c r="M5" s="391"/>
      <c r="N5" s="391"/>
      <c r="O5" s="391"/>
      <c r="P5" s="391"/>
      <c r="Q5" s="391"/>
      <c r="R5" s="391"/>
      <c r="S5" s="391"/>
      <c r="T5" s="391"/>
      <c r="U5" s="391"/>
      <c r="V5" s="391"/>
      <c r="W5" s="392"/>
      <c r="X5" s="390"/>
      <c r="Y5" s="391" t="s">
        <v>118</v>
      </c>
      <c r="Z5" s="391"/>
      <c r="AA5" s="391"/>
      <c r="AB5" s="391"/>
      <c r="AC5" s="391"/>
      <c r="AD5" s="391"/>
      <c r="AE5" s="391"/>
      <c r="AF5" s="391"/>
      <c r="AG5" s="391"/>
      <c r="AH5" s="391"/>
      <c r="AI5" s="391"/>
      <c r="AJ5" s="391"/>
      <c r="AK5" s="391"/>
      <c r="AL5" s="391"/>
      <c r="AM5" s="393" t="s">
        <v>119</v>
      </c>
      <c r="AN5" s="391"/>
      <c r="AO5" s="391"/>
      <c r="AP5" s="391"/>
      <c r="AQ5" s="391"/>
      <c r="AR5" s="391"/>
      <c r="AS5" s="391"/>
      <c r="AT5" s="391"/>
      <c r="AU5" s="391"/>
      <c r="AV5" s="391"/>
      <c r="AW5" s="391"/>
      <c r="AX5" s="391"/>
      <c r="AY5" s="393" t="s">
        <v>120</v>
      </c>
      <c r="AZ5" s="391"/>
      <c r="BA5" s="391"/>
      <c r="BB5" s="391"/>
      <c r="BC5" s="391"/>
      <c r="BD5" s="391"/>
      <c r="BE5" s="391"/>
      <c r="BF5" s="391"/>
      <c r="BG5" s="391"/>
      <c r="BH5" s="391"/>
      <c r="BI5" s="392"/>
    </row>
    <row r="6" spans="1:61" ht="13.5" customHeight="1">
      <c r="A6" s="387"/>
      <c r="B6" s="388"/>
      <c r="C6" s="388"/>
      <c r="D6" s="388"/>
      <c r="E6" s="388"/>
      <c r="F6" s="388"/>
      <c r="G6" s="389"/>
      <c r="H6" s="390"/>
      <c r="I6" s="391"/>
      <c r="J6" s="391"/>
      <c r="K6" s="391"/>
      <c r="L6" s="391"/>
      <c r="M6" s="391"/>
      <c r="N6" s="391"/>
      <c r="O6" s="391"/>
      <c r="P6" s="391"/>
      <c r="Q6" s="391"/>
      <c r="R6" s="391"/>
      <c r="S6" s="391"/>
      <c r="T6" s="391"/>
      <c r="U6" s="391"/>
      <c r="V6" s="391"/>
      <c r="W6" s="392"/>
      <c r="X6" s="390"/>
      <c r="Y6" s="393" t="s">
        <v>121</v>
      </c>
      <c r="Z6" s="391"/>
      <c r="AA6" s="391"/>
      <c r="AB6" s="391"/>
      <c r="AC6" s="391"/>
      <c r="AD6" s="391"/>
      <c r="AE6" s="391"/>
      <c r="AF6" s="391"/>
      <c r="AG6" s="391"/>
      <c r="AH6" s="391"/>
      <c r="AI6" s="391"/>
      <c r="AJ6" s="391"/>
      <c r="AK6" s="391"/>
      <c r="AL6" s="391"/>
      <c r="AM6" s="393" t="s">
        <v>122</v>
      </c>
      <c r="AN6" s="391"/>
      <c r="AO6" s="391"/>
      <c r="AP6" s="391"/>
      <c r="AQ6" s="391"/>
      <c r="AR6" s="391"/>
      <c r="AS6" s="391"/>
      <c r="AT6" s="391"/>
      <c r="AU6" s="391"/>
      <c r="AV6" s="391"/>
      <c r="AW6" s="391"/>
      <c r="AX6" s="391"/>
      <c r="AY6" s="393" t="s">
        <v>123</v>
      </c>
      <c r="AZ6" s="391"/>
      <c r="BA6" s="391"/>
      <c r="BB6" s="391"/>
      <c r="BC6" s="391"/>
      <c r="BD6" s="391"/>
      <c r="BE6" s="391"/>
      <c r="BF6" s="391"/>
      <c r="BG6" s="391"/>
      <c r="BH6" s="391"/>
      <c r="BI6" s="392"/>
    </row>
    <row r="7" spans="1:61" ht="13.5" customHeight="1">
      <c r="A7" s="387"/>
      <c r="B7" s="388"/>
      <c r="C7" s="388"/>
      <c r="D7" s="388"/>
      <c r="E7" s="388"/>
      <c r="F7" s="388"/>
      <c r="G7" s="389"/>
      <c r="H7" s="390"/>
      <c r="I7" s="391"/>
      <c r="J7" s="391"/>
      <c r="K7" s="391"/>
      <c r="L7" s="391"/>
      <c r="M7" s="391"/>
      <c r="N7" s="391"/>
      <c r="O7" s="391"/>
      <c r="P7" s="391"/>
      <c r="Q7" s="391"/>
      <c r="R7" s="391"/>
      <c r="S7" s="391"/>
      <c r="T7" s="391"/>
      <c r="U7" s="391"/>
      <c r="V7" s="391"/>
      <c r="W7" s="392"/>
      <c r="X7" s="390"/>
      <c r="Y7" s="394"/>
      <c r="Z7" s="391"/>
      <c r="AA7" s="391"/>
      <c r="AB7" s="391"/>
      <c r="AC7" s="391"/>
      <c r="AD7" s="391"/>
      <c r="AE7" s="391"/>
      <c r="AF7" s="391"/>
      <c r="AG7" s="391"/>
      <c r="AH7" s="391"/>
      <c r="AI7" s="391"/>
      <c r="AJ7" s="391"/>
      <c r="AK7" s="391"/>
      <c r="AL7" s="391"/>
      <c r="AM7" s="393" t="s">
        <v>124</v>
      </c>
      <c r="AN7" s="391"/>
      <c r="AO7" s="391"/>
      <c r="AP7" s="391"/>
      <c r="AQ7" s="391"/>
      <c r="AR7" s="391"/>
      <c r="AS7" s="391"/>
      <c r="AT7" s="391"/>
      <c r="AU7" s="391"/>
      <c r="AV7" s="391"/>
      <c r="AW7" s="391"/>
      <c r="AX7" s="391"/>
      <c r="AY7" s="391"/>
      <c r="AZ7" s="391"/>
      <c r="BA7" s="391"/>
      <c r="BB7" s="391"/>
      <c r="BC7" s="391"/>
      <c r="BD7" s="391"/>
      <c r="BE7" s="391"/>
      <c r="BF7" s="391"/>
      <c r="BG7" s="391"/>
      <c r="BH7" s="391"/>
      <c r="BI7" s="392"/>
    </row>
    <row r="8" spans="1:61" ht="13.5" customHeight="1">
      <c r="A8" s="387"/>
      <c r="B8" s="388"/>
      <c r="C8" s="388"/>
      <c r="D8" s="388"/>
      <c r="E8" s="388"/>
      <c r="F8" s="388"/>
      <c r="G8" s="389"/>
      <c r="H8" s="390"/>
      <c r="I8" s="391" t="s">
        <v>125</v>
      </c>
      <c r="J8" s="391"/>
      <c r="K8" s="391"/>
      <c r="L8" s="391"/>
      <c r="M8" s="391"/>
      <c r="N8" s="391"/>
      <c r="O8" s="391"/>
      <c r="P8" s="391"/>
      <c r="Q8" s="391"/>
      <c r="R8" s="391"/>
      <c r="S8" s="391"/>
      <c r="T8" s="391"/>
      <c r="U8" s="391"/>
      <c r="V8" s="391"/>
      <c r="W8" s="392"/>
      <c r="X8" s="390"/>
      <c r="Y8" s="391" t="s">
        <v>126</v>
      </c>
      <c r="Z8" s="391"/>
      <c r="AA8" s="391"/>
      <c r="AB8" s="391"/>
      <c r="AC8" s="391"/>
      <c r="AD8" s="391" t="s">
        <v>127</v>
      </c>
      <c r="AE8" s="391"/>
      <c r="AF8" s="391"/>
      <c r="AG8" s="391"/>
      <c r="AH8" s="391"/>
      <c r="AI8" s="391"/>
      <c r="AJ8" s="391"/>
      <c r="AK8" s="391"/>
      <c r="AL8" s="391"/>
      <c r="AM8" s="391" t="s">
        <v>128</v>
      </c>
      <c r="AN8" s="391"/>
      <c r="AO8" s="391"/>
      <c r="AP8" s="391"/>
      <c r="AQ8" s="391"/>
      <c r="AR8" s="391"/>
      <c r="AS8" s="391"/>
      <c r="AT8" s="391"/>
      <c r="AU8" s="391"/>
      <c r="AV8" s="391"/>
      <c r="AW8" s="391"/>
      <c r="AX8" s="391"/>
      <c r="AY8" s="391"/>
      <c r="AZ8" s="391"/>
      <c r="BA8" s="391"/>
      <c r="BB8" s="391"/>
      <c r="BC8" s="391"/>
      <c r="BD8" s="391"/>
      <c r="BE8" s="391"/>
      <c r="BF8" s="391"/>
      <c r="BG8" s="391"/>
      <c r="BH8" s="391"/>
      <c r="BI8" s="392"/>
    </row>
    <row r="9" spans="1:61" ht="13.5" customHeight="1">
      <c r="A9" s="387"/>
      <c r="B9" s="388"/>
      <c r="C9" s="388"/>
      <c r="D9" s="388"/>
      <c r="E9" s="388"/>
      <c r="F9" s="388"/>
      <c r="G9" s="389"/>
      <c r="H9" s="390"/>
      <c r="I9" s="391"/>
      <c r="J9" s="391"/>
      <c r="K9" s="391"/>
      <c r="L9" s="391"/>
      <c r="M9" s="391"/>
      <c r="N9" s="391"/>
      <c r="O9" s="391"/>
      <c r="P9" s="391"/>
      <c r="Q9" s="391"/>
      <c r="R9" s="391"/>
      <c r="S9" s="391"/>
      <c r="T9" s="391"/>
      <c r="U9" s="391"/>
      <c r="V9" s="391"/>
      <c r="W9" s="392"/>
      <c r="X9" s="390"/>
      <c r="Y9" s="391"/>
      <c r="Z9" s="391"/>
      <c r="AA9" s="391"/>
      <c r="AB9" s="391"/>
      <c r="AC9" s="391"/>
      <c r="AD9" s="391"/>
      <c r="AE9" s="391"/>
      <c r="AF9" s="391"/>
      <c r="AG9" s="391"/>
      <c r="AH9" s="391"/>
      <c r="AI9" s="391"/>
      <c r="AJ9" s="391"/>
      <c r="AK9" s="391"/>
      <c r="AL9" s="391"/>
      <c r="AM9" s="391" t="s">
        <v>129</v>
      </c>
      <c r="AN9" s="391"/>
      <c r="AO9" s="391"/>
      <c r="AP9" s="391"/>
      <c r="AQ9" s="391"/>
      <c r="AR9" s="391"/>
      <c r="AS9" s="391"/>
      <c r="AT9" s="391"/>
      <c r="AU9" s="391"/>
      <c r="AV9" s="391"/>
      <c r="AW9" s="391"/>
      <c r="AX9" s="391"/>
      <c r="AY9" s="391"/>
      <c r="AZ9" s="391"/>
      <c r="BA9" s="391"/>
      <c r="BB9" s="391"/>
      <c r="BC9" s="391"/>
      <c r="BD9" s="391"/>
      <c r="BE9" s="391"/>
      <c r="BF9" s="391"/>
      <c r="BG9" s="391"/>
      <c r="BH9" s="391"/>
      <c r="BI9" s="392"/>
    </row>
    <row r="10" spans="1:61" ht="13.5" customHeight="1">
      <c r="A10" s="387"/>
      <c r="B10" s="388"/>
      <c r="C10" s="388"/>
      <c r="D10" s="388"/>
      <c r="E10" s="388"/>
      <c r="F10" s="388"/>
      <c r="G10" s="389"/>
      <c r="H10" s="390"/>
      <c r="I10" s="391" t="s">
        <v>130</v>
      </c>
      <c r="J10" s="391"/>
      <c r="K10" s="391"/>
      <c r="L10" s="391"/>
      <c r="M10" s="391"/>
      <c r="N10" s="391"/>
      <c r="O10" s="391"/>
      <c r="P10" s="391"/>
      <c r="Q10" s="391"/>
      <c r="R10" s="391"/>
      <c r="S10" s="391"/>
      <c r="T10" s="391"/>
      <c r="U10" s="391"/>
      <c r="V10" s="391"/>
      <c r="W10" s="392"/>
      <c r="X10" s="390"/>
      <c r="Y10" s="391" t="s">
        <v>131</v>
      </c>
      <c r="Z10" s="391"/>
      <c r="AA10" s="391"/>
      <c r="AB10" s="391"/>
      <c r="AC10" s="391"/>
      <c r="AD10" s="391"/>
      <c r="AE10" s="391"/>
      <c r="AF10" s="391"/>
      <c r="AG10" s="391"/>
      <c r="AH10" s="391" t="s">
        <v>132</v>
      </c>
      <c r="AI10" s="391"/>
      <c r="AJ10" s="391"/>
      <c r="AK10" s="391"/>
      <c r="AL10" s="391"/>
      <c r="AM10" s="391"/>
      <c r="AN10" s="391"/>
      <c r="AO10" s="391"/>
      <c r="AP10" s="391"/>
      <c r="AQ10" s="391"/>
      <c r="AR10" s="391"/>
      <c r="AS10" s="391" t="s">
        <v>133</v>
      </c>
      <c r="AT10" s="391"/>
      <c r="AU10" s="391"/>
      <c r="AV10" s="391"/>
      <c r="AW10" s="391"/>
      <c r="AX10" s="391"/>
      <c r="AY10" s="391"/>
      <c r="AZ10" s="391"/>
      <c r="BA10" s="391"/>
      <c r="BB10" s="391"/>
      <c r="BC10" s="391"/>
      <c r="BD10" s="391"/>
      <c r="BE10" s="391"/>
      <c r="BF10" s="391"/>
      <c r="BG10" s="391"/>
      <c r="BH10" s="391"/>
      <c r="BI10" s="392"/>
    </row>
    <row r="11" spans="1:61" ht="13.5" customHeight="1">
      <c r="A11" s="387"/>
      <c r="B11" s="388"/>
      <c r="C11" s="388"/>
      <c r="D11" s="388"/>
      <c r="E11" s="388"/>
      <c r="F11" s="388"/>
      <c r="G11" s="389"/>
      <c r="H11" s="390"/>
      <c r="I11" s="391"/>
      <c r="J11" s="391"/>
      <c r="K11" s="391"/>
      <c r="L11" s="391"/>
      <c r="M11" s="391"/>
      <c r="N11" s="391"/>
      <c r="O11" s="391"/>
      <c r="P11" s="391"/>
      <c r="Q11" s="391"/>
      <c r="R11" s="391"/>
      <c r="S11" s="391"/>
      <c r="T11" s="391"/>
      <c r="U11" s="391"/>
      <c r="V11" s="391"/>
      <c r="W11" s="392"/>
      <c r="X11" s="390"/>
      <c r="Y11" s="391"/>
      <c r="Z11" s="391" t="s">
        <v>134</v>
      </c>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2"/>
    </row>
    <row r="12" spans="1:61" ht="13.5" customHeight="1">
      <c r="A12" s="387"/>
      <c r="B12" s="388"/>
      <c r="C12" s="388"/>
      <c r="D12" s="388"/>
      <c r="E12" s="388"/>
      <c r="F12" s="388"/>
      <c r="G12" s="389"/>
      <c r="H12" s="390"/>
      <c r="I12" s="391"/>
      <c r="J12" s="391"/>
      <c r="K12" s="391"/>
      <c r="L12" s="391"/>
      <c r="M12" s="391"/>
      <c r="N12" s="391"/>
      <c r="O12" s="391"/>
      <c r="P12" s="391"/>
      <c r="Q12" s="391"/>
      <c r="R12" s="391"/>
      <c r="S12" s="391"/>
      <c r="T12" s="391"/>
      <c r="U12" s="391"/>
      <c r="V12" s="391"/>
      <c r="W12" s="392"/>
      <c r="X12" s="390"/>
      <c r="Y12" s="391"/>
      <c r="Z12" s="391"/>
      <c r="AA12" s="391" t="s">
        <v>135</v>
      </c>
      <c r="AB12" s="391"/>
      <c r="AC12" s="391"/>
      <c r="AD12" s="391" t="s">
        <v>136</v>
      </c>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2"/>
    </row>
    <row r="13" spans="1:61" ht="13.5" customHeight="1">
      <c r="A13" s="387"/>
      <c r="B13" s="388"/>
      <c r="C13" s="388"/>
      <c r="D13" s="388"/>
      <c r="E13" s="388"/>
      <c r="F13" s="388"/>
      <c r="G13" s="389"/>
      <c r="H13" s="390"/>
      <c r="I13" s="391"/>
      <c r="J13" s="391"/>
      <c r="K13" s="391"/>
      <c r="L13" s="391"/>
      <c r="M13" s="391"/>
      <c r="N13" s="391"/>
      <c r="O13" s="391"/>
      <c r="P13" s="391"/>
      <c r="Q13" s="391"/>
      <c r="R13" s="391"/>
      <c r="S13" s="391"/>
      <c r="T13" s="391"/>
      <c r="U13" s="391"/>
      <c r="V13" s="391"/>
      <c r="W13" s="392"/>
      <c r="X13" s="390"/>
      <c r="Y13" s="391"/>
      <c r="Z13" s="391" t="s">
        <v>137</v>
      </c>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2"/>
    </row>
    <row r="14" spans="1:61" ht="13.5" customHeight="1">
      <c r="A14" s="387"/>
      <c r="B14" s="388"/>
      <c r="C14" s="388"/>
      <c r="D14" s="388"/>
      <c r="E14" s="388"/>
      <c r="F14" s="388"/>
      <c r="G14" s="389"/>
      <c r="H14" s="390"/>
      <c r="I14" s="391"/>
      <c r="J14" s="391"/>
      <c r="K14" s="391"/>
      <c r="L14" s="391"/>
      <c r="M14" s="391"/>
      <c r="N14" s="391"/>
      <c r="O14" s="391"/>
      <c r="P14" s="391"/>
      <c r="Q14" s="391"/>
      <c r="R14" s="391"/>
      <c r="S14" s="391"/>
      <c r="T14" s="391"/>
      <c r="U14" s="391"/>
      <c r="V14" s="391"/>
      <c r="W14" s="392"/>
      <c r="X14" s="390"/>
      <c r="Y14" s="391"/>
      <c r="Z14" s="391"/>
      <c r="AA14" s="391" t="s">
        <v>135</v>
      </c>
      <c r="AB14" s="391"/>
      <c r="AC14" s="391"/>
      <c r="AD14" s="391" t="s">
        <v>136</v>
      </c>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2"/>
    </row>
    <row r="15" spans="1:61" ht="13.5" customHeight="1">
      <c r="A15" s="387"/>
      <c r="B15" s="388"/>
      <c r="C15" s="388"/>
      <c r="D15" s="388"/>
      <c r="E15" s="388"/>
      <c r="F15" s="388"/>
      <c r="G15" s="389"/>
      <c r="H15" s="390"/>
      <c r="I15" s="391" t="s">
        <v>138</v>
      </c>
      <c r="J15" s="391"/>
      <c r="K15" s="391"/>
      <c r="L15" s="391"/>
      <c r="M15" s="391"/>
      <c r="N15" s="391"/>
      <c r="O15" s="391"/>
      <c r="P15" s="391"/>
      <c r="Q15" s="391"/>
      <c r="R15" s="391"/>
      <c r="S15" s="391"/>
      <c r="T15" s="391"/>
      <c r="U15" s="391"/>
      <c r="V15" s="391"/>
      <c r="W15" s="392"/>
      <c r="X15" s="390"/>
      <c r="Y15" s="391" t="s">
        <v>139</v>
      </c>
      <c r="Z15" s="391"/>
      <c r="AA15" s="391"/>
      <c r="AB15" s="391"/>
      <c r="AC15" s="391" t="s">
        <v>140</v>
      </c>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2"/>
    </row>
    <row r="16" spans="1:61" ht="13.5" customHeight="1">
      <c r="A16" s="396"/>
      <c r="B16" s="397"/>
      <c r="C16" s="397"/>
      <c r="D16" s="397"/>
      <c r="E16" s="397"/>
      <c r="F16" s="397"/>
      <c r="G16" s="398"/>
      <c r="H16" s="399"/>
      <c r="I16" s="400"/>
      <c r="J16" s="400"/>
      <c r="K16" s="400"/>
      <c r="L16" s="400"/>
      <c r="M16" s="400"/>
      <c r="N16" s="400"/>
      <c r="O16" s="400"/>
      <c r="P16" s="400"/>
      <c r="Q16" s="400"/>
      <c r="R16" s="400"/>
      <c r="S16" s="400"/>
      <c r="T16" s="400"/>
      <c r="U16" s="400"/>
      <c r="V16" s="400"/>
      <c r="W16" s="401"/>
      <c r="X16" s="399"/>
      <c r="Y16" s="400"/>
      <c r="Z16" s="400"/>
      <c r="AA16" s="400"/>
      <c r="AB16" s="400"/>
      <c r="AC16" s="400"/>
      <c r="AD16" s="400"/>
      <c r="AE16" s="400"/>
      <c r="AF16" s="400"/>
      <c r="AG16" s="400"/>
      <c r="AH16" s="400"/>
      <c r="AI16" s="400"/>
      <c r="AJ16" s="400"/>
      <c r="AK16" s="400"/>
      <c r="AL16" s="400"/>
      <c r="AM16" s="400"/>
      <c r="AN16" s="400"/>
      <c r="AO16" s="400"/>
      <c r="AP16" s="400"/>
      <c r="AQ16" s="400"/>
      <c r="AR16" s="400"/>
      <c r="AS16" s="400"/>
      <c r="AT16" s="400"/>
      <c r="AU16" s="400"/>
      <c r="AV16" s="400"/>
      <c r="AW16" s="400"/>
      <c r="AX16" s="400"/>
      <c r="AY16" s="400"/>
      <c r="AZ16" s="400"/>
      <c r="BA16" s="400"/>
      <c r="BB16" s="400"/>
      <c r="BC16" s="400"/>
      <c r="BD16" s="400"/>
      <c r="BE16" s="400"/>
      <c r="BF16" s="400"/>
      <c r="BG16" s="400"/>
      <c r="BH16" s="400"/>
      <c r="BI16" s="401"/>
    </row>
    <row r="17" spans="1:61" ht="13.5" customHeight="1">
      <c r="A17" s="478" t="s">
        <v>141</v>
      </c>
      <c r="B17" s="479"/>
      <c r="C17" s="479"/>
      <c r="D17" s="479"/>
      <c r="E17" s="479"/>
      <c r="F17" s="479"/>
      <c r="G17" s="480"/>
      <c r="H17" s="384"/>
      <c r="I17" s="385" t="s">
        <v>142</v>
      </c>
      <c r="J17" s="385"/>
      <c r="K17" s="385"/>
      <c r="L17" s="385"/>
      <c r="M17" s="385"/>
      <c r="N17" s="385"/>
      <c r="O17" s="385"/>
      <c r="P17" s="385"/>
      <c r="Q17" s="385"/>
      <c r="R17" s="385"/>
      <c r="S17" s="385"/>
      <c r="T17" s="385"/>
      <c r="U17" s="385"/>
      <c r="V17" s="385"/>
      <c r="W17" s="386"/>
      <c r="X17" s="384"/>
      <c r="Y17" s="385" t="s">
        <v>143</v>
      </c>
      <c r="Z17" s="385"/>
      <c r="AA17" s="385"/>
      <c r="AB17" s="385"/>
      <c r="AC17" s="385"/>
      <c r="AD17" s="385"/>
      <c r="AE17" s="385"/>
      <c r="AF17" s="385"/>
      <c r="AG17" s="385"/>
      <c r="AH17" s="385"/>
      <c r="AI17" s="385"/>
      <c r="AJ17" s="385"/>
      <c r="AK17" s="385"/>
      <c r="AL17" s="385"/>
      <c r="AM17" s="385"/>
      <c r="AN17" s="385"/>
      <c r="AO17" s="385"/>
      <c r="AP17" s="385"/>
      <c r="AQ17" s="385"/>
      <c r="AR17" s="385"/>
      <c r="AS17" s="385"/>
      <c r="AT17" s="385"/>
      <c r="AU17" s="385"/>
      <c r="AV17" s="385"/>
      <c r="AW17" s="385"/>
      <c r="AX17" s="385"/>
      <c r="AY17" s="385"/>
      <c r="AZ17" s="385"/>
      <c r="BA17" s="385"/>
      <c r="BB17" s="385"/>
      <c r="BC17" s="385"/>
      <c r="BD17" s="385"/>
      <c r="BE17" s="385"/>
      <c r="BF17" s="385"/>
      <c r="BG17" s="385"/>
      <c r="BH17" s="385"/>
      <c r="BI17" s="386"/>
    </row>
    <row r="18" spans="1:61" ht="13.5" customHeight="1">
      <c r="A18" s="387"/>
      <c r="B18" s="388"/>
      <c r="C18" s="388"/>
      <c r="D18" s="388"/>
      <c r="E18" s="388"/>
      <c r="F18" s="388"/>
      <c r="G18" s="389"/>
      <c r="H18" s="390"/>
      <c r="I18" s="391"/>
      <c r="J18" s="391"/>
      <c r="K18" s="391"/>
      <c r="L18" s="391"/>
      <c r="M18" s="391"/>
      <c r="N18" s="391"/>
      <c r="O18" s="391"/>
      <c r="P18" s="391"/>
      <c r="Q18" s="391"/>
      <c r="R18" s="391"/>
      <c r="S18" s="391"/>
      <c r="T18" s="391"/>
      <c r="U18" s="391"/>
      <c r="V18" s="391"/>
      <c r="W18" s="392"/>
      <c r="X18" s="390"/>
      <c r="Y18" s="391"/>
      <c r="Z18" s="391" t="s">
        <v>144</v>
      </c>
      <c r="AA18" s="391"/>
      <c r="AB18" s="391"/>
      <c r="AC18" s="391"/>
      <c r="AD18" s="391"/>
      <c r="AE18" s="391"/>
      <c r="AF18" s="391"/>
      <c r="AG18" s="391" t="s">
        <v>145</v>
      </c>
      <c r="AH18" s="391"/>
      <c r="AI18" s="391"/>
      <c r="AJ18" s="391"/>
      <c r="AK18" s="391"/>
      <c r="AL18" s="391"/>
      <c r="AM18" s="391"/>
      <c r="AN18" s="391"/>
      <c r="AO18" s="391"/>
      <c r="AP18" s="391"/>
      <c r="AQ18" s="391"/>
      <c r="AR18" s="391"/>
      <c r="AS18" s="391" t="s">
        <v>146</v>
      </c>
      <c r="AT18" s="391"/>
      <c r="AU18" s="391"/>
      <c r="AV18" s="391"/>
      <c r="AW18" s="391"/>
      <c r="AX18" s="391"/>
      <c r="AY18" s="391"/>
      <c r="AZ18" s="391"/>
      <c r="BA18" s="391" t="s">
        <v>147</v>
      </c>
      <c r="BB18" s="391"/>
      <c r="BC18" s="391"/>
      <c r="BD18" s="391"/>
      <c r="BE18" s="391"/>
      <c r="BF18" s="391"/>
      <c r="BG18" s="391"/>
      <c r="BH18" s="391"/>
      <c r="BI18" s="392"/>
    </row>
    <row r="19" spans="1:61" ht="13.5" customHeight="1">
      <c r="A19" s="387"/>
      <c r="B19" s="388"/>
      <c r="C19" s="388"/>
      <c r="D19" s="388"/>
      <c r="E19" s="388"/>
      <c r="F19" s="388"/>
      <c r="G19" s="389"/>
      <c r="H19" s="390"/>
      <c r="I19" s="391"/>
      <c r="J19" s="391"/>
      <c r="K19" s="391"/>
      <c r="L19" s="391"/>
      <c r="M19" s="391"/>
      <c r="N19" s="391"/>
      <c r="O19" s="391"/>
      <c r="P19" s="391"/>
      <c r="Q19" s="391"/>
      <c r="R19" s="391"/>
      <c r="S19" s="391"/>
      <c r="T19" s="391"/>
      <c r="U19" s="391"/>
      <c r="V19" s="391"/>
      <c r="W19" s="392"/>
      <c r="X19" s="390"/>
      <c r="Y19" s="391"/>
      <c r="Z19" s="391" t="s">
        <v>106</v>
      </c>
      <c r="AA19" s="391"/>
      <c r="AB19" s="391"/>
      <c r="AC19" s="391" t="s">
        <v>148</v>
      </c>
      <c r="AD19" s="473"/>
      <c r="AE19" s="481"/>
      <c r="AF19" s="481"/>
      <c r="AG19" s="481"/>
      <c r="AH19" s="481"/>
      <c r="AI19" s="481"/>
      <c r="AJ19" s="481"/>
      <c r="AK19" s="481"/>
      <c r="AL19" s="481"/>
      <c r="AM19" s="481"/>
      <c r="AN19" s="481"/>
      <c r="AO19" s="481"/>
      <c r="AP19" s="481"/>
      <c r="AQ19" s="481"/>
      <c r="AR19" s="481"/>
      <c r="AS19" s="481"/>
      <c r="AT19" s="481"/>
      <c r="AU19" s="481"/>
      <c r="AV19" s="481"/>
      <c r="AW19" s="481"/>
      <c r="AX19" s="481"/>
      <c r="AY19" s="481"/>
      <c r="AZ19" s="481"/>
      <c r="BA19" s="481"/>
      <c r="BB19" s="481"/>
      <c r="BC19" s="391" t="s">
        <v>149</v>
      </c>
      <c r="BD19" s="391"/>
      <c r="BE19" s="391" t="s">
        <v>150</v>
      </c>
      <c r="BF19" s="391"/>
      <c r="BG19" s="391"/>
      <c r="BH19" s="391"/>
      <c r="BI19" s="392"/>
    </row>
    <row r="20" spans="1:61" ht="13.5" customHeight="1">
      <c r="A20" s="387"/>
      <c r="B20" s="388"/>
      <c r="C20" s="388"/>
      <c r="D20" s="388"/>
      <c r="E20" s="388"/>
      <c r="F20" s="388"/>
      <c r="G20" s="389"/>
      <c r="H20" s="390"/>
      <c r="I20" s="471" t="s">
        <v>151</v>
      </c>
      <c r="J20" s="471"/>
      <c r="K20" s="471"/>
      <c r="L20" s="471"/>
      <c r="M20" s="471"/>
      <c r="N20" s="471"/>
      <c r="O20" s="471"/>
      <c r="P20" s="471"/>
      <c r="Q20" s="471"/>
      <c r="R20" s="471"/>
      <c r="S20" s="471"/>
      <c r="T20" s="471"/>
      <c r="U20" s="471"/>
      <c r="V20" s="471"/>
      <c r="W20" s="472"/>
      <c r="X20" s="390"/>
      <c r="Y20" s="391" t="s">
        <v>152</v>
      </c>
      <c r="Z20" s="391"/>
      <c r="AA20" s="391"/>
      <c r="AB20" s="391"/>
      <c r="AC20" s="391"/>
      <c r="AD20" s="391"/>
      <c r="AE20" s="391" t="s">
        <v>148</v>
      </c>
      <c r="AF20" s="473"/>
      <c r="AG20" s="473"/>
      <c r="AH20" s="473"/>
      <c r="AI20" s="473"/>
      <c r="AJ20" s="473"/>
      <c r="AK20" s="473"/>
      <c r="AL20" s="473"/>
      <c r="AM20" s="391" t="s">
        <v>149</v>
      </c>
      <c r="AN20" s="391"/>
      <c r="AO20" s="391" t="s">
        <v>153</v>
      </c>
      <c r="AP20" s="391"/>
      <c r="AQ20" s="391"/>
      <c r="AR20" s="391"/>
      <c r="AS20" s="391"/>
      <c r="AT20" s="391"/>
      <c r="AU20" s="391"/>
      <c r="AV20" s="391"/>
      <c r="AW20" s="391"/>
      <c r="AX20" s="391" t="s">
        <v>148</v>
      </c>
      <c r="AY20" s="473"/>
      <c r="AZ20" s="473"/>
      <c r="BA20" s="473"/>
      <c r="BB20" s="473"/>
      <c r="BC20" s="473"/>
      <c r="BD20" s="473"/>
      <c r="BE20" s="473"/>
      <c r="BF20" s="473"/>
      <c r="BG20" s="473"/>
      <c r="BH20" s="473"/>
      <c r="BI20" s="392" t="s">
        <v>149</v>
      </c>
    </row>
    <row r="21" spans="1:61" ht="13.5" customHeight="1">
      <c r="A21" s="387"/>
      <c r="B21" s="388"/>
      <c r="C21" s="388"/>
      <c r="D21" s="388"/>
      <c r="E21" s="388"/>
      <c r="F21" s="388"/>
      <c r="G21" s="389"/>
      <c r="H21" s="390"/>
      <c r="I21" s="471"/>
      <c r="J21" s="471"/>
      <c r="K21" s="471"/>
      <c r="L21" s="471"/>
      <c r="M21" s="471"/>
      <c r="N21" s="471"/>
      <c r="O21" s="471"/>
      <c r="P21" s="471"/>
      <c r="Q21" s="471"/>
      <c r="R21" s="471"/>
      <c r="S21" s="471"/>
      <c r="T21" s="471"/>
      <c r="U21" s="471"/>
      <c r="V21" s="471"/>
      <c r="W21" s="472"/>
      <c r="X21" s="390"/>
      <c r="Y21" s="391" t="s">
        <v>154</v>
      </c>
      <c r="Z21" s="391"/>
      <c r="AA21" s="391"/>
      <c r="AB21" s="391"/>
      <c r="AC21" s="391" t="s">
        <v>148</v>
      </c>
      <c r="AD21" s="473"/>
      <c r="AE21" s="473"/>
      <c r="AF21" s="473"/>
      <c r="AG21" s="473"/>
      <c r="AH21" s="473"/>
      <c r="AI21" s="473"/>
      <c r="AJ21" s="473"/>
      <c r="AK21" s="473"/>
      <c r="AL21" s="473"/>
      <c r="AM21" s="473"/>
      <c r="AN21" s="473"/>
      <c r="AO21" s="473"/>
      <c r="AP21" s="473"/>
      <c r="AQ21" s="473"/>
      <c r="AR21" s="473"/>
      <c r="AS21" s="473"/>
      <c r="AT21" s="473"/>
      <c r="AU21" s="473"/>
      <c r="AV21" s="473"/>
      <c r="AW21" s="473"/>
      <c r="AX21" s="473"/>
      <c r="AY21" s="473"/>
      <c r="AZ21" s="473"/>
      <c r="BA21" s="473"/>
      <c r="BB21" s="473"/>
      <c r="BC21" s="473"/>
      <c r="BD21" s="473"/>
      <c r="BE21" s="473"/>
      <c r="BF21" s="473"/>
      <c r="BG21" s="473"/>
      <c r="BH21" s="473"/>
      <c r="BI21" s="392" t="s">
        <v>149</v>
      </c>
    </row>
    <row r="22" spans="1:61" ht="13.5" customHeight="1">
      <c r="A22" s="387"/>
      <c r="B22" s="388"/>
      <c r="C22" s="388"/>
      <c r="D22" s="388"/>
      <c r="E22" s="388"/>
      <c r="F22" s="388"/>
      <c r="G22" s="389"/>
      <c r="H22" s="390"/>
      <c r="I22" s="402" t="s">
        <v>155</v>
      </c>
      <c r="J22" s="402"/>
      <c r="K22" s="402"/>
      <c r="L22" s="402"/>
      <c r="M22" s="403"/>
      <c r="N22" s="403"/>
      <c r="O22" s="403"/>
      <c r="P22" s="403"/>
      <c r="Q22" s="403"/>
      <c r="R22" s="403"/>
      <c r="S22" s="403"/>
      <c r="T22" s="403"/>
      <c r="U22" s="403"/>
      <c r="V22" s="403"/>
      <c r="W22" s="404"/>
      <c r="X22" s="390"/>
      <c r="Y22" s="391" t="s">
        <v>156</v>
      </c>
      <c r="Z22" s="391"/>
      <c r="AA22" s="391"/>
      <c r="AB22" s="391"/>
      <c r="AC22" s="391"/>
      <c r="AD22" s="391"/>
      <c r="AE22" s="391"/>
      <c r="AF22" s="391"/>
      <c r="AG22" s="391" t="s">
        <v>148</v>
      </c>
      <c r="AH22" s="473"/>
      <c r="AI22" s="473"/>
      <c r="AJ22" s="473"/>
      <c r="AK22" s="473"/>
      <c r="AL22" s="473"/>
      <c r="AM22" s="473"/>
      <c r="AN22" s="473"/>
      <c r="AO22" s="391" t="s">
        <v>149</v>
      </c>
      <c r="AP22" s="391"/>
      <c r="AQ22" s="391" t="s">
        <v>157</v>
      </c>
      <c r="AR22" s="391"/>
      <c r="AS22" s="391"/>
      <c r="AT22" s="391"/>
      <c r="AU22" s="391"/>
      <c r="AV22" s="391"/>
      <c r="AW22" s="391"/>
      <c r="AX22" s="391"/>
      <c r="AY22" s="391" t="s">
        <v>148</v>
      </c>
      <c r="AZ22" s="473"/>
      <c r="BA22" s="473"/>
      <c r="BB22" s="473"/>
      <c r="BC22" s="473"/>
      <c r="BD22" s="473"/>
      <c r="BE22" s="473"/>
      <c r="BF22" s="473"/>
      <c r="BG22" s="473"/>
      <c r="BH22" s="473"/>
      <c r="BI22" s="392" t="s">
        <v>149</v>
      </c>
    </row>
    <row r="23" spans="1:61" ht="13.5" customHeight="1">
      <c r="A23" s="387"/>
      <c r="B23" s="388"/>
      <c r="C23" s="388"/>
      <c r="D23" s="388"/>
      <c r="E23" s="388"/>
      <c r="F23" s="388"/>
      <c r="G23" s="389"/>
      <c r="H23" s="390"/>
      <c r="I23" s="405" t="s">
        <v>106</v>
      </c>
      <c r="J23" s="403"/>
      <c r="K23" s="403"/>
      <c r="L23" s="403" t="s">
        <v>148</v>
      </c>
      <c r="M23" s="473"/>
      <c r="N23" s="473"/>
      <c r="O23" s="473"/>
      <c r="P23" s="473"/>
      <c r="Q23" s="473"/>
      <c r="R23" s="473"/>
      <c r="S23" s="473"/>
      <c r="T23" s="473"/>
      <c r="U23" s="473"/>
      <c r="V23" s="473"/>
      <c r="W23" s="404" t="s">
        <v>149</v>
      </c>
      <c r="X23" s="390"/>
      <c r="Y23" s="391" t="s">
        <v>106</v>
      </c>
      <c r="Z23" s="391"/>
      <c r="AA23" s="391"/>
      <c r="AB23" s="391" t="s">
        <v>148</v>
      </c>
      <c r="AC23" s="473"/>
      <c r="AD23" s="473"/>
      <c r="AE23" s="473"/>
      <c r="AF23" s="473"/>
      <c r="AG23" s="473"/>
      <c r="AH23" s="473"/>
      <c r="AI23" s="473"/>
      <c r="AJ23" s="473"/>
      <c r="AK23" s="473"/>
      <c r="AL23" s="473"/>
      <c r="AM23" s="473"/>
      <c r="AN23" s="473"/>
      <c r="AO23" s="473"/>
      <c r="AP23" s="473"/>
      <c r="AQ23" s="473"/>
      <c r="AR23" s="473"/>
      <c r="AS23" s="473"/>
      <c r="AT23" s="473"/>
      <c r="AU23" s="473"/>
      <c r="AV23" s="473"/>
      <c r="AW23" s="473"/>
      <c r="AX23" s="473"/>
      <c r="AY23" s="473"/>
      <c r="AZ23" s="473"/>
      <c r="BA23" s="473"/>
      <c r="BB23" s="473"/>
      <c r="BC23" s="473"/>
      <c r="BD23" s="473"/>
      <c r="BE23" s="473"/>
      <c r="BF23" s="473"/>
      <c r="BG23" s="473"/>
      <c r="BH23" s="473"/>
      <c r="BI23" s="392" t="s">
        <v>149</v>
      </c>
    </row>
    <row r="24" spans="1:61" ht="13.5" customHeight="1">
      <c r="A24" s="387"/>
      <c r="B24" s="388"/>
      <c r="C24" s="388"/>
      <c r="D24" s="388"/>
      <c r="E24" s="388"/>
      <c r="F24" s="388"/>
      <c r="G24" s="389"/>
      <c r="H24" s="390"/>
      <c r="I24" s="405"/>
      <c r="J24" s="403"/>
      <c r="K24" s="403"/>
      <c r="L24" s="403"/>
      <c r="M24" s="403"/>
      <c r="N24" s="403"/>
      <c r="O24" s="403"/>
      <c r="P24" s="403"/>
      <c r="Q24" s="403"/>
      <c r="R24" s="403"/>
      <c r="S24" s="403"/>
      <c r="T24" s="403"/>
      <c r="U24" s="403"/>
      <c r="V24" s="403"/>
      <c r="W24" s="404"/>
      <c r="X24" s="390"/>
      <c r="Y24" s="400"/>
      <c r="Z24" s="400"/>
      <c r="AA24" s="391"/>
      <c r="AB24" s="391"/>
      <c r="AC24" s="391"/>
      <c r="AD24" s="391"/>
      <c r="AE24" s="391"/>
      <c r="AF24" s="391"/>
      <c r="AG24" s="391"/>
      <c r="AH24" s="391"/>
      <c r="AI24" s="391"/>
      <c r="AJ24" s="391"/>
      <c r="AK24" s="391"/>
      <c r="AL24" s="391"/>
      <c r="AM24" s="391"/>
      <c r="AN24" s="391"/>
      <c r="AO24" s="391"/>
      <c r="AP24" s="391"/>
      <c r="AQ24" s="391"/>
      <c r="AR24" s="391"/>
      <c r="AS24" s="391"/>
      <c r="AT24" s="391"/>
      <c r="AU24" s="391"/>
      <c r="AV24" s="391"/>
      <c r="AW24" s="391"/>
      <c r="AX24" s="391"/>
      <c r="AY24" s="391"/>
      <c r="AZ24" s="391"/>
      <c r="BA24" s="391"/>
      <c r="BB24" s="400"/>
      <c r="BC24" s="400"/>
      <c r="BD24" s="400"/>
      <c r="BE24" s="400"/>
      <c r="BF24" s="400"/>
      <c r="BG24" s="400"/>
      <c r="BH24" s="400"/>
      <c r="BI24" s="401"/>
    </row>
    <row r="25" spans="1:61" ht="13.5" customHeight="1">
      <c r="A25" s="478" t="s">
        <v>158</v>
      </c>
      <c r="B25" s="479"/>
      <c r="C25" s="479"/>
      <c r="D25" s="479"/>
      <c r="E25" s="479"/>
      <c r="F25" s="479"/>
      <c r="G25" s="480"/>
      <c r="H25" s="384"/>
      <c r="I25" s="385" t="s">
        <v>159</v>
      </c>
      <c r="J25" s="385"/>
      <c r="K25" s="385"/>
      <c r="L25" s="385"/>
      <c r="M25" s="385"/>
      <c r="N25" s="385"/>
      <c r="O25" s="385"/>
      <c r="P25" s="385"/>
      <c r="Q25" s="385"/>
      <c r="R25" s="385"/>
      <c r="S25" s="385"/>
      <c r="T25" s="385"/>
      <c r="U25" s="385"/>
      <c r="V25" s="385"/>
      <c r="W25" s="386"/>
      <c r="X25" s="406"/>
      <c r="Y25" s="407" t="s">
        <v>160</v>
      </c>
      <c r="Z25" s="407"/>
      <c r="AA25" s="407"/>
      <c r="AB25" s="407"/>
      <c r="AC25" s="407"/>
      <c r="AD25" s="407"/>
      <c r="AE25" s="408" t="s">
        <v>148</v>
      </c>
      <c r="AF25" s="407"/>
      <c r="AG25" s="407" t="s">
        <v>161</v>
      </c>
      <c r="AH25" s="407"/>
      <c r="AI25" s="407"/>
      <c r="AJ25" s="407"/>
      <c r="AK25" s="407"/>
      <c r="AL25" s="407" t="s">
        <v>162</v>
      </c>
      <c r="AM25" s="484"/>
      <c r="AN25" s="484"/>
      <c r="AO25" s="407" t="s">
        <v>163</v>
      </c>
      <c r="AP25" s="407" t="s">
        <v>162</v>
      </c>
      <c r="AQ25" s="484"/>
      <c r="AR25" s="484"/>
      <c r="AS25" s="407"/>
      <c r="AT25" s="407"/>
      <c r="AU25" s="407" t="s">
        <v>150</v>
      </c>
      <c r="AV25" s="407"/>
      <c r="AW25" s="407"/>
      <c r="AX25" s="407"/>
      <c r="AY25" s="407" t="s">
        <v>149</v>
      </c>
      <c r="AZ25" s="407"/>
      <c r="BA25" s="407"/>
      <c r="BB25" s="407"/>
      <c r="BC25" s="407"/>
      <c r="BD25" s="407"/>
      <c r="BE25" s="407"/>
      <c r="BF25" s="407"/>
      <c r="BG25" s="407"/>
      <c r="BH25" s="407"/>
      <c r="BI25" s="409"/>
    </row>
    <row r="26" spans="1:61" ht="13.5" customHeight="1">
      <c r="A26" s="387"/>
      <c r="B26" s="388"/>
      <c r="C26" s="388"/>
      <c r="D26" s="388"/>
      <c r="E26" s="388"/>
      <c r="F26" s="388"/>
      <c r="G26" s="389"/>
      <c r="H26" s="390"/>
      <c r="I26" s="391"/>
      <c r="J26" s="391"/>
      <c r="K26" s="391"/>
      <c r="L26" s="391"/>
      <c r="M26" s="391"/>
      <c r="N26" s="391"/>
      <c r="O26" s="391"/>
      <c r="P26" s="391"/>
      <c r="Q26" s="391"/>
      <c r="R26" s="391"/>
      <c r="S26" s="391"/>
      <c r="T26" s="391"/>
      <c r="U26" s="391"/>
      <c r="V26" s="391"/>
      <c r="W26" s="392"/>
      <c r="X26" s="410"/>
      <c r="Y26" s="405" t="s">
        <v>164</v>
      </c>
      <c r="Z26" s="405"/>
      <c r="AA26" s="405"/>
      <c r="AB26" s="405"/>
      <c r="AC26" s="405"/>
      <c r="AD26" s="405"/>
      <c r="AE26" s="411" t="s">
        <v>148</v>
      </c>
      <c r="AF26" s="405"/>
      <c r="AG26" s="405" t="s">
        <v>165</v>
      </c>
      <c r="AH26" s="405"/>
      <c r="AI26" s="473"/>
      <c r="AJ26" s="473"/>
      <c r="AK26" s="405" t="s">
        <v>166</v>
      </c>
      <c r="AL26" s="473"/>
      <c r="AM26" s="473"/>
      <c r="AN26" s="405" t="s">
        <v>167</v>
      </c>
      <c r="AO26" s="394"/>
      <c r="AP26" s="405"/>
      <c r="AQ26" s="405"/>
      <c r="AR26" s="405" t="s">
        <v>150</v>
      </c>
      <c r="AS26" s="405"/>
      <c r="AT26" s="405"/>
      <c r="AU26" s="405"/>
      <c r="AV26" s="405" t="s">
        <v>168</v>
      </c>
      <c r="AW26" s="405"/>
      <c r="AX26" s="405"/>
      <c r="AY26" s="405"/>
      <c r="AZ26" s="405"/>
      <c r="BA26" s="405"/>
      <c r="BB26" s="405"/>
      <c r="BC26" s="405"/>
      <c r="BD26" s="405"/>
      <c r="BE26" s="405"/>
      <c r="BF26" s="405"/>
      <c r="BG26" s="405"/>
      <c r="BH26" s="405"/>
      <c r="BI26" s="412"/>
    </row>
    <row r="27" spans="1:61" ht="13.5" customHeight="1">
      <c r="A27" s="387"/>
      <c r="B27" s="388"/>
      <c r="C27" s="388"/>
      <c r="D27" s="388"/>
      <c r="E27" s="388"/>
      <c r="F27" s="388"/>
      <c r="G27" s="389"/>
      <c r="H27" s="390"/>
      <c r="I27" s="391" t="s">
        <v>169</v>
      </c>
      <c r="J27" s="391"/>
      <c r="K27" s="391"/>
      <c r="L27" s="391"/>
      <c r="M27" s="391"/>
      <c r="N27" s="391"/>
      <c r="O27" s="391"/>
      <c r="P27" s="391"/>
      <c r="Q27" s="391"/>
      <c r="R27" s="391"/>
      <c r="S27" s="391"/>
      <c r="T27" s="391"/>
      <c r="U27" s="391"/>
      <c r="V27" s="391"/>
      <c r="W27" s="392"/>
      <c r="X27" s="410"/>
      <c r="Y27" s="405" t="s">
        <v>170</v>
      </c>
      <c r="Z27" s="405"/>
      <c r="AA27" s="405"/>
      <c r="AB27" s="405"/>
      <c r="AC27" s="411" t="s">
        <v>171</v>
      </c>
      <c r="AD27" s="413"/>
      <c r="AE27" s="413" t="s">
        <v>172</v>
      </c>
      <c r="AF27" s="405"/>
      <c r="AG27" s="405"/>
      <c r="AH27" s="405"/>
      <c r="AI27" s="405"/>
      <c r="AJ27" s="405" t="s">
        <v>173</v>
      </c>
      <c r="AK27" s="405"/>
      <c r="AL27" s="405"/>
      <c r="AM27" s="405"/>
      <c r="AN27" s="405"/>
      <c r="AO27" s="405" t="s">
        <v>106</v>
      </c>
      <c r="AP27" s="405"/>
      <c r="AQ27" s="405"/>
      <c r="AR27" s="405" t="s">
        <v>171</v>
      </c>
      <c r="AS27" s="473"/>
      <c r="AT27" s="481"/>
      <c r="AU27" s="481"/>
      <c r="AV27" s="481"/>
      <c r="AW27" s="481"/>
      <c r="AX27" s="481"/>
      <c r="AY27" s="481"/>
      <c r="AZ27" s="481"/>
      <c r="BA27" s="481"/>
      <c r="BB27" s="481"/>
      <c r="BC27" s="481"/>
      <c r="BD27" s="405" t="s">
        <v>168</v>
      </c>
      <c r="BE27" s="405"/>
      <c r="BF27" s="405" t="s">
        <v>150</v>
      </c>
      <c r="BG27" s="405"/>
      <c r="BH27" s="405"/>
      <c r="BI27" s="412"/>
    </row>
    <row r="28" spans="1:61" ht="13.5" customHeight="1">
      <c r="A28" s="387"/>
      <c r="B28" s="388"/>
      <c r="C28" s="388"/>
      <c r="D28" s="388"/>
      <c r="E28" s="388"/>
      <c r="F28" s="388"/>
      <c r="G28" s="389"/>
      <c r="H28" s="390"/>
      <c r="I28" s="391"/>
      <c r="J28" s="391"/>
      <c r="K28" s="391"/>
      <c r="L28" s="391"/>
      <c r="M28" s="391"/>
      <c r="N28" s="391"/>
      <c r="O28" s="391"/>
      <c r="P28" s="391"/>
      <c r="Q28" s="391"/>
      <c r="R28" s="391"/>
      <c r="S28" s="391"/>
      <c r="T28" s="391"/>
      <c r="U28" s="391"/>
      <c r="V28" s="391"/>
      <c r="W28" s="392"/>
      <c r="X28" s="410"/>
      <c r="Y28" s="405" t="s">
        <v>174</v>
      </c>
      <c r="Z28" s="405"/>
      <c r="AA28" s="405"/>
      <c r="AB28" s="405"/>
      <c r="AC28" s="405"/>
      <c r="AD28" s="405"/>
      <c r="AE28" s="411"/>
      <c r="AF28" s="394"/>
      <c r="AG28" s="405" t="s">
        <v>171</v>
      </c>
      <c r="AH28" s="473"/>
      <c r="AI28" s="473"/>
      <c r="AJ28" s="473"/>
      <c r="AK28" s="473"/>
      <c r="AL28" s="473"/>
      <c r="AM28" s="473"/>
      <c r="AN28" s="473"/>
      <c r="AO28" s="473"/>
      <c r="AP28" s="473"/>
      <c r="AQ28" s="473"/>
      <c r="AR28" s="473"/>
      <c r="AS28" s="473"/>
      <c r="AT28" s="473"/>
      <c r="AU28" s="473"/>
      <c r="AV28" s="473"/>
      <c r="AW28" s="473"/>
      <c r="AX28" s="473"/>
      <c r="AY28" s="473"/>
      <c r="AZ28" s="473"/>
      <c r="BA28" s="473"/>
      <c r="BB28" s="473"/>
      <c r="BC28" s="473"/>
      <c r="BD28" s="473"/>
      <c r="BE28" s="473"/>
      <c r="BF28" s="473"/>
      <c r="BG28" s="473"/>
      <c r="BH28" s="473"/>
      <c r="BI28" s="412" t="s">
        <v>168</v>
      </c>
    </row>
    <row r="29" spans="1:61" ht="13.5" customHeight="1">
      <c r="A29" s="387"/>
      <c r="B29" s="388"/>
      <c r="C29" s="388"/>
      <c r="D29" s="388"/>
      <c r="E29" s="388"/>
      <c r="F29" s="388"/>
      <c r="G29" s="389"/>
      <c r="H29" s="390"/>
      <c r="I29" s="391"/>
      <c r="J29" s="391"/>
      <c r="K29" s="391"/>
      <c r="L29" s="391"/>
      <c r="M29" s="391"/>
      <c r="N29" s="391"/>
      <c r="O29" s="391"/>
      <c r="P29" s="391"/>
      <c r="Q29" s="391"/>
      <c r="R29" s="391"/>
      <c r="S29" s="391"/>
      <c r="T29" s="391"/>
      <c r="U29" s="391"/>
      <c r="V29" s="391"/>
      <c r="W29" s="392"/>
      <c r="X29" s="410"/>
      <c r="Y29" s="405" t="s">
        <v>175</v>
      </c>
      <c r="Z29" s="405"/>
      <c r="AA29" s="405"/>
      <c r="AB29" s="405"/>
      <c r="AC29" s="405"/>
      <c r="AD29" s="405"/>
      <c r="AE29" s="405"/>
      <c r="AF29" s="405"/>
      <c r="AG29" s="405"/>
      <c r="AH29" s="405"/>
      <c r="AI29" s="405" t="s">
        <v>176</v>
      </c>
      <c r="AJ29" s="405"/>
      <c r="AK29" s="482"/>
      <c r="AL29" s="482"/>
      <c r="AM29" s="405" t="s">
        <v>177</v>
      </c>
      <c r="AN29" s="405"/>
      <c r="AO29" s="405"/>
      <c r="AP29" s="405"/>
      <c r="AQ29" s="405"/>
      <c r="AR29" s="405"/>
      <c r="AS29" s="405"/>
      <c r="AT29" s="405"/>
      <c r="AU29" s="405"/>
      <c r="AV29" s="405"/>
      <c r="AW29" s="405"/>
      <c r="AX29" s="405"/>
      <c r="AY29" s="405"/>
      <c r="AZ29" s="405"/>
      <c r="BA29" s="405"/>
      <c r="BB29" s="405"/>
      <c r="BC29" s="405"/>
      <c r="BD29" s="405"/>
      <c r="BE29" s="405"/>
      <c r="BF29" s="405"/>
      <c r="BG29" s="405"/>
      <c r="BH29" s="405"/>
      <c r="BI29" s="412"/>
    </row>
    <row r="30" spans="1:61" ht="13.5" customHeight="1">
      <c r="A30" s="387"/>
      <c r="B30" s="388"/>
      <c r="C30" s="388"/>
      <c r="D30" s="388"/>
      <c r="E30" s="388"/>
      <c r="F30" s="388"/>
      <c r="G30" s="389"/>
      <c r="H30" s="390"/>
      <c r="I30" s="391"/>
      <c r="J30" s="391"/>
      <c r="K30" s="391"/>
      <c r="L30" s="391"/>
      <c r="M30" s="391"/>
      <c r="N30" s="391"/>
      <c r="O30" s="391"/>
      <c r="P30" s="391"/>
      <c r="Q30" s="391"/>
      <c r="R30" s="391"/>
      <c r="S30" s="391"/>
      <c r="T30" s="391"/>
      <c r="U30" s="391"/>
      <c r="V30" s="391"/>
      <c r="W30" s="392"/>
      <c r="X30" s="390"/>
      <c r="Y30" s="405" t="s">
        <v>178</v>
      </c>
      <c r="Z30" s="405"/>
      <c r="AA30" s="405"/>
      <c r="AB30" s="405"/>
      <c r="AC30" s="405"/>
      <c r="AD30" s="405"/>
      <c r="AE30" s="405"/>
      <c r="AF30" s="394"/>
      <c r="AG30" s="405" t="s">
        <v>171</v>
      </c>
      <c r="AH30" s="483"/>
      <c r="AI30" s="483"/>
      <c r="AJ30" s="483"/>
      <c r="AK30" s="483"/>
      <c r="AL30" s="483"/>
      <c r="AM30" s="483"/>
      <c r="AN30" s="483"/>
      <c r="AO30" s="483"/>
      <c r="AP30" s="483"/>
      <c r="AQ30" s="483"/>
      <c r="AR30" s="483"/>
      <c r="AS30" s="483"/>
      <c r="AT30" s="483"/>
      <c r="AU30" s="483"/>
      <c r="AV30" s="483"/>
      <c r="AW30" s="483"/>
      <c r="AX30" s="483"/>
      <c r="AY30" s="483"/>
      <c r="AZ30" s="483"/>
      <c r="BA30" s="483"/>
      <c r="BB30" s="483"/>
      <c r="BC30" s="483"/>
      <c r="BD30" s="483"/>
      <c r="BE30" s="483"/>
      <c r="BF30" s="483"/>
      <c r="BG30" s="483"/>
      <c r="BH30" s="483"/>
      <c r="BI30" s="412" t="s">
        <v>168</v>
      </c>
    </row>
    <row r="31" spans="1:61" ht="13.5" customHeight="1">
      <c r="A31" s="387"/>
      <c r="B31" s="388"/>
      <c r="C31" s="388"/>
      <c r="D31" s="388"/>
      <c r="E31" s="388"/>
      <c r="F31" s="388"/>
      <c r="G31" s="389"/>
      <c r="H31" s="390"/>
      <c r="I31" s="391" t="s">
        <v>106</v>
      </c>
      <c r="J31" s="391"/>
      <c r="K31" s="391"/>
      <c r="L31" s="391" t="s">
        <v>171</v>
      </c>
      <c r="M31" s="473"/>
      <c r="N31" s="473"/>
      <c r="O31" s="473"/>
      <c r="P31" s="473"/>
      <c r="Q31" s="473"/>
      <c r="R31" s="473"/>
      <c r="S31" s="473"/>
      <c r="T31" s="473"/>
      <c r="U31" s="473"/>
      <c r="V31" s="473"/>
      <c r="W31" s="392" t="s">
        <v>168</v>
      </c>
      <c r="X31" s="390"/>
      <c r="Y31" s="405" t="s">
        <v>106</v>
      </c>
      <c r="Z31" s="405"/>
      <c r="AA31" s="405"/>
      <c r="AB31" s="405" t="s">
        <v>171</v>
      </c>
      <c r="AC31" s="473"/>
      <c r="AD31" s="473"/>
      <c r="AE31" s="473"/>
      <c r="AF31" s="473"/>
      <c r="AG31" s="473"/>
      <c r="AH31" s="473"/>
      <c r="AI31" s="473"/>
      <c r="AJ31" s="473"/>
      <c r="AK31" s="473"/>
      <c r="AL31" s="473"/>
      <c r="AM31" s="473"/>
      <c r="AN31" s="473"/>
      <c r="AO31" s="473"/>
      <c r="AP31" s="473"/>
      <c r="AQ31" s="473"/>
      <c r="AR31" s="473"/>
      <c r="AS31" s="473"/>
      <c r="AT31" s="473"/>
      <c r="AU31" s="473"/>
      <c r="AV31" s="473"/>
      <c r="AW31" s="473"/>
      <c r="AX31" s="473"/>
      <c r="AY31" s="473"/>
      <c r="AZ31" s="473"/>
      <c r="BA31" s="473"/>
      <c r="BB31" s="473"/>
      <c r="BC31" s="473"/>
      <c r="BD31" s="473"/>
      <c r="BE31" s="473"/>
      <c r="BF31" s="473"/>
      <c r="BG31" s="473"/>
      <c r="BH31" s="473"/>
      <c r="BI31" s="412" t="s">
        <v>168</v>
      </c>
    </row>
    <row r="32" spans="1:61" ht="13.5" customHeight="1">
      <c r="A32" s="414"/>
      <c r="B32" s="415"/>
      <c r="C32" s="415"/>
      <c r="D32" s="415"/>
      <c r="E32" s="415"/>
      <c r="F32" s="415"/>
      <c r="G32" s="416"/>
      <c r="H32" s="399"/>
      <c r="I32" s="400"/>
      <c r="J32" s="400"/>
      <c r="K32" s="400"/>
      <c r="L32" s="400"/>
      <c r="M32" s="400"/>
      <c r="N32" s="400"/>
      <c r="O32" s="400"/>
      <c r="P32" s="400"/>
      <c r="Q32" s="400"/>
      <c r="R32" s="400"/>
      <c r="S32" s="400"/>
      <c r="T32" s="400"/>
      <c r="U32" s="400"/>
      <c r="V32" s="400"/>
      <c r="W32" s="401"/>
      <c r="X32" s="399"/>
      <c r="Y32" s="415"/>
      <c r="Z32" s="415"/>
      <c r="AA32" s="415"/>
      <c r="AB32" s="415"/>
      <c r="AC32" s="415"/>
      <c r="AD32" s="415"/>
      <c r="AE32" s="415"/>
      <c r="AF32" s="415"/>
      <c r="AG32" s="415"/>
      <c r="AH32" s="415"/>
      <c r="AI32" s="415"/>
      <c r="AJ32" s="415"/>
      <c r="AK32" s="415"/>
      <c r="AL32" s="415"/>
      <c r="AM32" s="415"/>
      <c r="AN32" s="415"/>
      <c r="AO32" s="415"/>
      <c r="AP32" s="415"/>
      <c r="AQ32" s="415"/>
      <c r="AR32" s="415"/>
      <c r="AS32" s="415"/>
      <c r="AT32" s="415"/>
      <c r="AU32" s="415"/>
      <c r="AV32" s="415"/>
      <c r="AW32" s="415"/>
      <c r="AX32" s="415"/>
      <c r="AY32" s="415"/>
      <c r="AZ32" s="415"/>
      <c r="BA32" s="415"/>
      <c r="BB32" s="415"/>
      <c r="BC32" s="415"/>
      <c r="BD32" s="415"/>
      <c r="BE32" s="415"/>
      <c r="BF32" s="415"/>
      <c r="BG32" s="415"/>
      <c r="BH32" s="415"/>
      <c r="BI32" s="416"/>
    </row>
    <row r="33" spans="1:61" ht="13.5" customHeight="1">
      <c r="A33" s="478" t="s">
        <v>179</v>
      </c>
      <c r="B33" s="479"/>
      <c r="C33" s="479"/>
      <c r="D33" s="479"/>
      <c r="E33" s="479"/>
      <c r="F33" s="479"/>
      <c r="G33" s="480"/>
      <c r="H33" s="384"/>
      <c r="I33" s="385" t="s">
        <v>180</v>
      </c>
      <c r="J33" s="385"/>
      <c r="K33" s="385"/>
      <c r="L33" s="385"/>
      <c r="M33" s="385"/>
      <c r="N33" s="385"/>
      <c r="O33" s="385"/>
      <c r="P33" s="385"/>
      <c r="Q33" s="385"/>
      <c r="R33" s="385"/>
      <c r="S33" s="385"/>
      <c r="T33" s="385"/>
      <c r="U33" s="385"/>
      <c r="V33" s="385"/>
      <c r="W33" s="386"/>
      <c r="X33" s="384"/>
      <c r="Y33" s="407" t="s">
        <v>181</v>
      </c>
      <c r="Z33" s="407"/>
      <c r="AA33" s="407"/>
      <c r="AB33" s="407"/>
      <c r="AC33" s="407"/>
      <c r="AD33" s="407"/>
      <c r="AE33" s="407"/>
      <c r="AF33" s="407"/>
      <c r="AG33" s="407"/>
      <c r="AH33" s="407"/>
      <c r="AI33" s="407"/>
      <c r="AJ33" s="407"/>
      <c r="AK33" s="407"/>
      <c r="AL33" s="407"/>
      <c r="AM33" s="407"/>
      <c r="AN33" s="407"/>
      <c r="AO33" s="407"/>
      <c r="AP33" s="407"/>
      <c r="AQ33" s="407"/>
      <c r="AR33" s="407"/>
      <c r="AS33" s="407"/>
      <c r="AT33" s="407"/>
      <c r="AU33" s="407"/>
      <c r="AV33" s="407"/>
      <c r="AW33" s="407"/>
      <c r="AX33" s="407"/>
      <c r="AY33" s="407"/>
      <c r="AZ33" s="407"/>
      <c r="BA33" s="407"/>
      <c r="BB33" s="407"/>
      <c r="BC33" s="407"/>
      <c r="BD33" s="407"/>
      <c r="BE33" s="407"/>
      <c r="BF33" s="407"/>
      <c r="BG33" s="407"/>
      <c r="BH33" s="407"/>
      <c r="BI33" s="409"/>
    </row>
    <row r="34" spans="1:61" ht="13.5" customHeight="1">
      <c r="A34" s="417"/>
      <c r="B34" s="405"/>
      <c r="C34" s="405"/>
      <c r="D34" s="405"/>
      <c r="E34" s="405"/>
      <c r="F34" s="405"/>
      <c r="G34" s="412"/>
      <c r="H34" s="390"/>
      <c r="I34" s="391"/>
      <c r="J34" s="391"/>
      <c r="K34" s="391"/>
      <c r="L34" s="391"/>
      <c r="M34" s="391"/>
      <c r="N34" s="391"/>
      <c r="O34" s="391"/>
      <c r="P34" s="391"/>
      <c r="Q34" s="391"/>
      <c r="R34" s="391"/>
      <c r="S34" s="391"/>
      <c r="T34" s="391"/>
      <c r="U34" s="391"/>
      <c r="V34" s="391"/>
      <c r="W34" s="392"/>
      <c r="X34" s="390"/>
      <c r="Y34" s="405"/>
      <c r="Z34" s="405" t="s">
        <v>182</v>
      </c>
      <c r="AA34" s="405"/>
      <c r="AB34" s="405"/>
      <c r="AC34" s="405"/>
      <c r="AD34" s="405" t="s">
        <v>183</v>
      </c>
      <c r="AE34" s="405"/>
      <c r="AF34" s="405"/>
      <c r="AG34" s="405"/>
      <c r="AH34" s="405" t="s">
        <v>184</v>
      </c>
      <c r="AI34" s="405"/>
      <c r="AJ34" s="405"/>
      <c r="AK34" s="405"/>
      <c r="AL34" s="405" t="s">
        <v>185</v>
      </c>
      <c r="AM34" s="405"/>
      <c r="AN34" s="405"/>
      <c r="AO34" s="405"/>
      <c r="AP34" s="405" t="s">
        <v>186</v>
      </c>
      <c r="AQ34" s="405"/>
      <c r="AR34" s="405"/>
      <c r="AS34" s="405"/>
      <c r="AT34" s="405"/>
      <c r="AU34" s="405" t="s">
        <v>106</v>
      </c>
      <c r="AV34" s="405"/>
      <c r="AW34" s="405"/>
      <c r="AX34" s="405" t="s">
        <v>171</v>
      </c>
      <c r="AY34" s="473"/>
      <c r="AZ34" s="473"/>
      <c r="BA34" s="473"/>
      <c r="BB34" s="473"/>
      <c r="BC34" s="473"/>
      <c r="BD34" s="473"/>
      <c r="BE34" s="473"/>
      <c r="BF34" s="473"/>
      <c r="BG34" s="473"/>
      <c r="BH34" s="473"/>
      <c r="BI34" s="412" t="s">
        <v>168</v>
      </c>
    </row>
    <row r="35" spans="1:61" ht="13.5" customHeight="1">
      <c r="A35" s="417"/>
      <c r="B35" s="405"/>
      <c r="C35" s="405"/>
      <c r="D35" s="405"/>
      <c r="E35" s="405"/>
      <c r="F35" s="405"/>
      <c r="G35" s="412"/>
      <c r="H35" s="390"/>
      <c r="I35" s="391"/>
      <c r="J35" s="391"/>
      <c r="K35" s="391"/>
      <c r="L35" s="391"/>
      <c r="M35" s="391"/>
      <c r="N35" s="391"/>
      <c r="O35" s="391"/>
      <c r="P35" s="391"/>
      <c r="Q35" s="391"/>
      <c r="R35" s="391"/>
      <c r="S35" s="391"/>
      <c r="T35" s="391"/>
      <c r="U35" s="391"/>
      <c r="V35" s="391"/>
      <c r="W35" s="392"/>
      <c r="X35" s="390"/>
      <c r="Y35" s="405" t="s">
        <v>154</v>
      </c>
      <c r="Z35" s="405"/>
      <c r="AA35" s="405"/>
      <c r="AB35" s="405"/>
      <c r="AC35" s="405"/>
      <c r="AD35" s="405"/>
      <c r="AE35" s="405"/>
      <c r="AF35" s="405"/>
      <c r="AG35" s="405"/>
      <c r="AH35" s="405"/>
      <c r="AI35" s="405"/>
      <c r="AJ35" s="405"/>
      <c r="AK35" s="405"/>
      <c r="AL35" s="405"/>
      <c r="AM35" s="405"/>
      <c r="AN35" s="405"/>
      <c r="AO35" s="405"/>
      <c r="AP35" s="405"/>
      <c r="AQ35" s="405"/>
      <c r="AR35" s="405"/>
      <c r="AS35" s="405"/>
      <c r="AT35" s="405"/>
      <c r="AU35" s="405"/>
      <c r="AV35" s="405"/>
      <c r="AW35" s="405"/>
      <c r="AX35" s="405"/>
      <c r="AY35" s="405"/>
      <c r="AZ35" s="405"/>
      <c r="BA35" s="405"/>
      <c r="BB35" s="405"/>
      <c r="BC35" s="405"/>
      <c r="BD35" s="405"/>
      <c r="BE35" s="405"/>
      <c r="BF35" s="405"/>
      <c r="BG35" s="405"/>
      <c r="BH35" s="405"/>
      <c r="BI35" s="412"/>
    </row>
    <row r="36" spans="1:61" ht="13.5" customHeight="1">
      <c r="A36" s="417"/>
      <c r="B36" s="405"/>
      <c r="C36" s="405"/>
      <c r="D36" s="405"/>
      <c r="E36" s="405"/>
      <c r="F36" s="405"/>
      <c r="G36" s="412"/>
      <c r="H36" s="390"/>
      <c r="I36" s="391"/>
      <c r="J36" s="391"/>
      <c r="K36" s="391"/>
      <c r="L36" s="391"/>
      <c r="M36" s="391"/>
      <c r="N36" s="391"/>
      <c r="O36" s="391"/>
      <c r="P36" s="391"/>
      <c r="Q36" s="391"/>
      <c r="R36" s="391"/>
      <c r="S36" s="391"/>
      <c r="T36" s="391"/>
      <c r="U36" s="391"/>
      <c r="V36" s="391"/>
      <c r="W36" s="392"/>
      <c r="X36" s="390"/>
      <c r="Y36" s="405"/>
      <c r="Z36" s="405" t="s">
        <v>187</v>
      </c>
      <c r="AA36" s="405"/>
      <c r="AB36" s="405"/>
      <c r="AC36" s="405"/>
      <c r="AD36" s="405"/>
      <c r="AE36" s="405" t="s">
        <v>171</v>
      </c>
      <c r="AF36" s="473"/>
      <c r="AG36" s="473"/>
      <c r="AH36" s="473"/>
      <c r="AI36" s="473"/>
      <c r="AJ36" s="473"/>
      <c r="AK36" s="473"/>
      <c r="AL36" s="405" t="s">
        <v>168</v>
      </c>
      <c r="AM36" s="405"/>
      <c r="AN36" s="405" t="s">
        <v>106</v>
      </c>
      <c r="AO36" s="405"/>
      <c r="AP36" s="405"/>
      <c r="AQ36" s="405" t="s">
        <v>171</v>
      </c>
      <c r="AR36" s="485"/>
      <c r="AS36" s="486"/>
      <c r="AT36" s="486"/>
      <c r="AU36" s="486"/>
      <c r="AV36" s="486"/>
      <c r="AW36" s="486"/>
      <c r="AX36" s="486"/>
      <c r="AY36" s="486"/>
      <c r="AZ36" s="486"/>
      <c r="BA36" s="486"/>
      <c r="BB36" s="486"/>
      <c r="BC36" s="486"/>
      <c r="BD36" s="405" t="s">
        <v>168</v>
      </c>
      <c r="BE36" s="405"/>
      <c r="BF36" s="405" t="s">
        <v>150</v>
      </c>
      <c r="BG36" s="405"/>
      <c r="BH36" s="405"/>
      <c r="BI36" s="412"/>
    </row>
    <row r="37" spans="1:61" ht="13.5" customHeight="1">
      <c r="A37" s="417"/>
      <c r="B37" s="405"/>
      <c r="C37" s="405"/>
      <c r="D37" s="405"/>
      <c r="E37" s="405"/>
      <c r="F37" s="405"/>
      <c r="G37" s="412"/>
      <c r="H37" s="390"/>
      <c r="I37" s="391" t="s">
        <v>188</v>
      </c>
      <c r="J37" s="391"/>
      <c r="K37" s="391"/>
      <c r="L37" s="391"/>
      <c r="M37" s="391"/>
      <c r="N37" s="391"/>
      <c r="O37" s="391"/>
      <c r="P37" s="391"/>
      <c r="Q37" s="391"/>
      <c r="R37" s="391"/>
      <c r="S37" s="391"/>
      <c r="T37" s="391"/>
      <c r="U37" s="391"/>
      <c r="V37" s="391"/>
      <c r="W37" s="392"/>
      <c r="X37" s="390"/>
      <c r="Y37" s="405" t="s">
        <v>189</v>
      </c>
      <c r="Z37" s="405"/>
      <c r="AA37" s="405"/>
      <c r="AB37" s="405"/>
      <c r="AC37" s="405"/>
      <c r="AD37" s="405"/>
      <c r="AE37" s="405"/>
      <c r="AF37" s="405"/>
      <c r="AG37" s="405"/>
      <c r="AH37" s="405"/>
      <c r="AI37" s="405"/>
      <c r="AJ37" s="405"/>
      <c r="AK37" s="405"/>
      <c r="AL37" s="405"/>
      <c r="AM37" s="405"/>
      <c r="AN37" s="405"/>
      <c r="AO37" s="405"/>
      <c r="AP37" s="405"/>
      <c r="AQ37" s="405"/>
      <c r="AR37" s="487"/>
      <c r="AS37" s="487"/>
      <c r="AT37" s="487"/>
      <c r="AU37" s="487"/>
      <c r="AV37" s="487"/>
      <c r="AW37" s="487"/>
      <c r="AX37" s="487"/>
      <c r="AY37" s="487"/>
      <c r="AZ37" s="487"/>
      <c r="BA37" s="487"/>
      <c r="BB37" s="487"/>
      <c r="BC37" s="487"/>
      <c r="BD37" s="405"/>
      <c r="BE37" s="405"/>
      <c r="BF37" s="405"/>
      <c r="BG37" s="405"/>
      <c r="BH37" s="405"/>
      <c r="BI37" s="412"/>
    </row>
    <row r="38" spans="1:61" ht="13.5" customHeight="1">
      <c r="A38" s="417"/>
      <c r="B38" s="405"/>
      <c r="C38" s="405"/>
      <c r="D38" s="405"/>
      <c r="E38" s="405"/>
      <c r="F38" s="405"/>
      <c r="G38" s="412"/>
      <c r="H38" s="390"/>
      <c r="I38" s="391"/>
      <c r="J38" s="391"/>
      <c r="K38" s="391"/>
      <c r="L38" s="391"/>
      <c r="M38" s="391"/>
      <c r="N38" s="391"/>
      <c r="O38" s="391"/>
      <c r="P38" s="391"/>
      <c r="Q38" s="391"/>
      <c r="R38" s="391"/>
      <c r="S38" s="391"/>
      <c r="T38" s="391"/>
      <c r="U38" s="391"/>
      <c r="V38" s="391"/>
      <c r="W38" s="392"/>
      <c r="X38" s="390"/>
      <c r="Y38" s="405"/>
      <c r="Z38" s="405" t="s">
        <v>190</v>
      </c>
      <c r="AA38" s="405"/>
      <c r="AB38" s="405"/>
      <c r="AC38" s="405"/>
      <c r="AD38" s="405"/>
      <c r="AE38" s="405" t="s">
        <v>191</v>
      </c>
      <c r="AF38" s="405"/>
      <c r="AG38" s="405"/>
      <c r="AH38" s="405"/>
      <c r="AI38" s="405"/>
      <c r="AJ38" s="405" t="s">
        <v>192</v>
      </c>
      <c r="AK38" s="405"/>
      <c r="AL38" s="405"/>
      <c r="AM38" s="405"/>
      <c r="AN38" s="405"/>
      <c r="AO38" s="405" t="s">
        <v>193</v>
      </c>
      <c r="AP38" s="405"/>
      <c r="AQ38" s="405"/>
      <c r="AR38" s="405"/>
      <c r="AS38" s="405"/>
      <c r="AT38" s="405"/>
      <c r="AU38" s="405"/>
      <c r="AV38" s="405"/>
      <c r="AW38" s="405"/>
      <c r="AX38" s="405"/>
      <c r="AY38" s="405"/>
      <c r="AZ38" s="405" t="s">
        <v>194</v>
      </c>
      <c r="BA38" s="405"/>
      <c r="BB38" s="405"/>
      <c r="BC38" s="405"/>
      <c r="BD38" s="405"/>
      <c r="BE38" s="405"/>
      <c r="BF38" s="405"/>
      <c r="BG38" s="405"/>
      <c r="BH38" s="405"/>
      <c r="BI38" s="412"/>
    </row>
    <row r="39" spans="1:61" ht="13.5" customHeight="1">
      <c r="A39" s="417"/>
      <c r="B39" s="405"/>
      <c r="C39" s="405"/>
      <c r="D39" s="405"/>
      <c r="E39" s="405"/>
      <c r="F39" s="405"/>
      <c r="G39" s="412"/>
      <c r="H39" s="390"/>
      <c r="I39" s="391"/>
      <c r="J39" s="391"/>
      <c r="K39" s="391"/>
      <c r="L39" s="391"/>
      <c r="M39" s="391"/>
      <c r="N39" s="391"/>
      <c r="O39" s="391"/>
      <c r="P39" s="391"/>
      <c r="Q39" s="391"/>
      <c r="R39" s="391"/>
      <c r="S39" s="391"/>
      <c r="T39" s="391"/>
      <c r="U39" s="391"/>
      <c r="V39" s="391"/>
      <c r="W39" s="392"/>
      <c r="X39" s="390"/>
      <c r="Y39" s="405"/>
      <c r="Z39" s="405" t="s">
        <v>195</v>
      </c>
      <c r="AA39" s="405"/>
      <c r="AB39" s="405"/>
      <c r="AC39" s="405"/>
      <c r="AD39" s="405"/>
      <c r="AE39" s="405"/>
      <c r="AF39" s="405"/>
      <c r="AG39" s="405"/>
      <c r="AH39" s="405"/>
      <c r="AI39" s="405" t="s">
        <v>106</v>
      </c>
      <c r="AJ39" s="405"/>
      <c r="AK39" s="405"/>
      <c r="AL39" s="405" t="s">
        <v>171</v>
      </c>
      <c r="AM39" s="473"/>
      <c r="AN39" s="473"/>
      <c r="AO39" s="473"/>
      <c r="AP39" s="473"/>
      <c r="AQ39" s="473"/>
      <c r="AR39" s="473"/>
      <c r="AS39" s="473"/>
      <c r="AT39" s="473"/>
      <c r="AU39" s="473"/>
      <c r="AV39" s="473"/>
      <c r="AW39" s="473"/>
      <c r="AX39" s="473"/>
      <c r="AY39" s="473"/>
      <c r="AZ39" s="473"/>
      <c r="BA39" s="473"/>
      <c r="BB39" s="473"/>
      <c r="BC39" s="473"/>
      <c r="BD39" s="405" t="s">
        <v>168</v>
      </c>
      <c r="BE39" s="405"/>
      <c r="BF39" s="405" t="s">
        <v>196</v>
      </c>
      <c r="BG39" s="405"/>
      <c r="BH39" s="405"/>
      <c r="BI39" s="412"/>
    </row>
    <row r="40" spans="1:61" ht="13.5" customHeight="1">
      <c r="A40" s="417"/>
      <c r="B40" s="405"/>
      <c r="C40" s="405"/>
      <c r="D40" s="405"/>
      <c r="E40" s="405"/>
      <c r="F40" s="405"/>
      <c r="G40" s="412"/>
      <c r="H40" s="390"/>
      <c r="I40" s="391"/>
      <c r="J40" s="391"/>
      <c r="K40" s="391"/>
      <c r="L40" s="391"/>
      <c r="M40" s="391"/>
      <c r="N40" s="391"/>
      <c r="O40" s="391"/>
      <c r="P40" s="391"/>
      <c r="Q40" s="391"/>
      <c r="R40" s="391"/>
      <c r="S40" s="391"/>
      <c r="T40" s="391"/>
      <c r="U40" s="391"/>
      <c r="V40" s="391"/>
      <c r="W40" s="392"/>
      <c r="X40" s="390"/>
      <c r="Y40" s="405" t="s">
        <v>197</v>
      </c>
      <c r="Z40" s="405"/>
      <c r="AA40" s="405"/>
      <c r="AB40" s="405"/>
      <c r="AC40" s="405"/>
      <c r="AD40" s="405"/>
      <c r="AE40" s="405"/>
      <c r="AF40" s="405"/>
      <c r="AG40" s="405"/>
      <c r="AH40" s="405"/>
      <c r="AI40" s="405"/>
      <c r="AJ40" s="405"/>
      <c r="AK40" s="405"/>
      <c r="AL40" s="405"/>
      <c r="AM40" s="405"/>
      <c r="AN40" s="405"/>
      <c r="AO40" s="405"/>
      <c r="AP40" s="405"/>
      <c r="AQ40" s="405"/>
      <c r="AR40" s="405"/>
      <c r="AS40" s="405"/>
      <c r="AT40" s="405"/>
      <c r="AU40" s="405"/>
      <c r="AV40" s="405"/>
      <c r="AW40" s="405"/>
      <c r="AX40" s="405"/>
      <c r="AY40" s="405"/>
      <c r="AZ40" s="405"/>
      <c r="BA40" s="405"/>
      <c r="BB40" s="405"/>
      <c r="BC40" s="405"/>
      <c r="BD40" s="405"/>
      <c r="BE40" s="405"/>
      <c r="BF40" s="405"/>
      <c r="BG40" s="405"/>
      <c r="BH40" s="405"/>
      <c r="BI40" s="412"/>
    </row>
    <row r="41" spans="1:61" ht="13.5" customHeight="1">
      <c r="A41" s="417"/>
      <c r="B41" s="405"/>
      <c r="C41" s="405"/>
      <c r="D41" s="405"/>
      <c r="E41" s="405"/>
      <c r="F41" s="405"/>
      <c r="G41" s="412"/>
      <c r="H41" s="390"/>
      <c r="I41" s="391"/>
      <c r="J41" s="391"/>
      <c r="K41" s="391"/>
      <c r="L41" s="391"/>
      <c r="M41" s="391"/>
      <c r="N41" s="391"/>
      <c r="O41" s="391"/>
      <c r="P41" s="391"/>
      <c r="Q41" s="391"/>
      <c r="R41" s="391"/>
      <c r="S41" s="391"/>
      <c r="T41" s="391"/>
      <c r="U41" s="391"/>
      <c r="V41" s="391"/>
      <c r="W41" s="392"/>
      <c r="X41" s="390"/>
      <c r="Y41" s="405"/>
      <c r="Z41" s="405" t="s">
        <v>198</v>
      </c>
      <c r="AA41" s="405"/>
      <c r="AB41" s="405"/>
      <c r="AC41" s="405"/>
      <c r="AD41" s="405"/>
      <c r="AE41" s="405"/>
      <c r="AF41" s="405" t="s">
        <v>106</v>
      </c>
      <c r="AG41" s="405"/>
      <c r="AH41" s="405"/>
      <c r="AI41" s="405" t="s">
        <v>171</v>
      </c>
      <c r="AJ41" s="473"/>
      <c r="AK41" s="473"/>
      <c r="AL41" s="473"/>
      <c r="AM41" s="473"/>
      <c r="AN41" s="473"/>
      <c r="AO41" s="473"/>
      <c r="AP41" s="473"/>
      <c r="AQ41" s="473"/>
      <c r="AR41" s="473"/>
      <c r="AS41" s="473"/>
      <c r="AT41" s="473"/>
      <c r="AU41" s="473"/>
      <c r="AV41" s="473"/>
      <c r="AW41" s="473"/>
      <c r="AX41" s="473"/>
      <c r="AY41" s="473"/>
      <c r="AZ41" s="473"/>
      <c r="BA41" s="473"/>
      <c r="BB41" s="473"/>
      <c r="BC41" s="473"/>
      <c r="BD41" s="405" t="s">
        <v>168</v>
      </c>
      <c r="BE41" s="405"/>
      <c r="BF41" s="405" t="s">
        <v>196</v>
      </c>
      <c r="BG41" s="405"/>
      <c r="BH41" s="405"/>
      <c r="BI41" s="412"/>
    </row>
    <row r="42" spans="1:61" ht="13.5" customHeight="1">
      <c r="A42" s="417"/>
      <c r="B42" s="405"/>
      <c r="C42" s="405"/>
      <c r="D42" s="405"/>
      <c r="E42" s="405"/>
      <c r="F42" s="405"/>
      <c r="G42" s="412"/>
      <c r="H42" s="390"/>
      <c r="I42" s="391" t="s">
        <v>106</v>
      </c>
      <c r="J42" s="391"/>
      <c r="K42" s="391"/>
      <c r="L42" s="391" t="s">
        <v>171</v>
      </c>
      <c r="M42" s="473"/>
      <c r="N42" s="473"/>
      <c r="O42" s="473"/>
      <c r="P42" s="473"/>
      <c r="Q42" s="473"/>
      <c r="R42" s="473"/>
      <c r="S42" s="473"/>
      <c r="T42" s="473"/>
      <c r="U42" s="473"/>
      <c r="V42" s="473"/>
      <c r="W42" s="392" t="s">
        <v>168</v>
      </c>
      <c r="X42" s="390"/>
      <c r="Y42" s="405" t="s">
        <v>106</v>
      </c>
      <c r="Z42" s="405"/>
      <c r="AA42" s="405"/>
      <c r="AB42" s="405" t="s">
        <v>171</v>
      </c>
      <c r="AC42" s="473"/>
      <c r="AD42" s="473"/>
      <c r="AE42" s="473"/>
      <c r="AF42" s="473"/>
      <c r="AG42" s="473"/>
      <c r="AH42" s="473"/>
      <c r="AI42" s="473"/>
      <c r="AJ42" s="473"/>
      <c r="AK42" s="473"/>
      <c r="AL42" s="473"/>
      <c r="AM42" s="473"/>
      <c r="AN42" s="473"/>
      <c r="AO42" s="473"/>
      <c r="AP42" s="473"/>
      <c r="AQ42" s="473"/>
      <c r="AR42" s="473"/>
      <c r="AS42" s="473"/>
      <c r="AT42" s="473"/>
      <c r="AU42" s="473"/>
      <c r="AV42" s="473"/>
      <c r="AW42" s="473"/>
      <c r="AX42" s="473"/>
      <c r="AY42" s="473"/>
      <c r="AZ42" s="473"/>
      <c r="BA42" s="473"/>
      <c r="BB42" s="473"/>
      <c r="BC42" s="473"/>
      <c r="BD42" s="473"/>
      <c r="BE42" s="473"/>
      <c r="BF42" s="473"/>
      <c r="BG42" s="473"/>
      <c r="BH42" s="473"/>
      <c r="BI42" s="412" t="s">
        <v>168</v>
      </c>
    </row>
    <row r="43" spans="1:61" ht="13.5" customHeight="1">
      <c r="A43" s="417"/>
      <c r="B43" s="405"/>
      <c r="C43" s="405"/>
      <c r="D43" s="405"/>
      <c r="E43" s="405"/>
      <c r="F43" s="405"/>
      <c r="G43" s="412"/>
      <c r="H43" s="390"/>
      <c r="I43" s="391"/>
      <c r="J43" s="391"/>
      <c r="K43" s="391"/>
      <c r="L43" s="391"/>
      <c r="M43" s="418"/>
      <c r="N43" s="418"/>
      <c r="O43" s="418"/>
      <c r="P43" s="418"/>
      <c r="Q43" s="418"/>
      <c r="R43" s="418"/>
      <c r="S43" s="418"/>
      <c r="T43" s="418"/>
      <c r="U43" s="418"/>
      <c r="V43" s="418"/>
      <c r="W43" s="392"/>
      <c r="X43" s="390"/>
      <c r="Y43" s="405"/>
      <c r="Z43" s="405"/>
      <c r="AA43" s="405"/>
      <c r="AB43" s="405"/>
      <c r="AC43" s="418"/>
      <c r="AD43" s="418"/>
      <c r="AE43" s="418"/>
      <c r="AF43" s="418"/>
      <c r="AG43" s="418"/>
      <c r="AH43" s="418"/>
      <c r="AI43" s="418"/>
      <c r="AJ43" s="418"/>
      <c r="AK43" s="418"/>
      <c r="AL43" s="418"/>
      <c r="AM43" s="418"/>
      <c r="AN43" s="418"/>
      <c r="AO43" s="418"/>
      <c r="AP43" s="418"/>
      <c r="AQ43" s="418"/>
      <c r="AR43" s="418"/>
      <c r="AS43" s="418"/>
      <c r="AT43" s="418"/>
      <c r="AU43" s="418"/>
      <c r="AV43" s="418"/>
      <c r="AW43" s="418"/>
      <c r="AX43" s="418"/>
      <c r="AY43" s="418"/>
      <c r="AZ43" s="418"/>
      <c r="BA43" s="418"/>
      <c r="BB43" s="418"/>
      <c r="BC43" s="418"/>
      <c r="BD43" s="418"/>
      <c r="BE43" s="418"/>
      <c r="BF43" s="418"/>
      <c r="BG43" s="418"/>
      <c r="BH43" s="418"/>
      <c r="BI43" s="412"/>
    </row>
    <row r="44" spans="1:61" ht="13.5" customHeight="1">
      <c r="A44" s="414"/>
      <c r="B44" s="415"/>
      <c r="C44" s="415"/>
      <c r="D44" s="415"/>
      <c r="E44" s="415"/>
      <c r="F44" s="415"/>
      <c r="G44" s="416"/>
      <c r="H44" s="399"/>
      <c r="I44" s="400"/>
      <c r="J44" s="400"/>
      <c r="K44" s="400"/>
      <c r="L44" s="400"/>
      <c r="M44" s="400"/>
      <c r="N44" s="400"/>
      <c r="O44" s="400"/>
      <c r="P44" s="400"/>
      <c r="Q44" s="400"/>
      <c r="R44" s="400"/>
      <c r="S44" s="400"/>
      <c r="T44" s="400"/>
      <c r="U44" s="400"/>
      <c r="V44" s="400"/>
      <c r="W44" s="401"/>
      <c r="X44" s="399"/>
      <c r="Y44" s="415"/>
      <c r="Z44" s="415"/>
      <c r="AA44" s="415"/>
      <c r="AB44" s="415"/>
      <c r="AC44" s="415"/>
      <c r="AD44" s="415"/>
      <c r="AE44" s="415"/>
      <c r="AF44" s="415"/>
      <c r="AG44" s="415"/>
      <c r="AH44" s="415"/>
      <c r="AI44" s="415"/>
      <c r="AJ44" s="415"/>
      <c r="AK44" s="415"/>
      <c r="AL44" s="415"/>
      <c r="AM44" s="415"/>
      <c r="AN44" s="415"/>
      <c r="AO44" s="415"/>
      <c r="AP44" s="415"/>
      <c r="AQ44" s="415"/>
      <c r="AR44" s="415"/>
      <c r="AS44" s="415"/>
      <c r="AT44" s="415"/>
      <c r="AU44" s="415"/>
      <c r="AV44" s="415"/>
      <c r="AW44" s="415"/>
      <c r="AX44" s="415"/>
      <c r="AY44" s="415"/>
      <c r="AZ44" s="415"/>
      <c r="BA44" s="415"/>
      <c r="BB44" s="415"/>
      <c r="BC44" s="415"/>
      <c r="BD44" s="415"/>
      <c r="BE44" s="415"/>
      <c r="BF44" s="415"/>
      <c r="BG44" s="415"/>
      <c r="BH44" s="415"/>
      <c r="BI44" s="416"/>
    </row>
    <row r="45" spans="1:61" ht="13.5" customHeight="1">
      <c r="A45" s="478" t="s">
        <v>199</v>
      </c>
      <c r="B45" s="479"/>
      <c r="C45" s="479"/>
      <c r="D45" s="479"/>
      <c r="E45" s="479"/>
      <c r="F45" s="479"/>
      <c r="G45" s="480"/>
      <c r="H45" s="384"/>
      <c r="I45" s="385" t="s">
        <v>200</v>
      </c>
      <c r="J45" s="385"/>
      <c r="K45" s="385"/>
      <c r="L45" s="385"/>
      <c r="M45" s="385"/>
      <c r="N45" s="385"/>
      <c r="O45" s="385"/>
      <c r="P45" s="385"/>
      <c r="Q45" s="385"/>
      <c r="R45" s="385"/>
      <c r="S45" s="385"/>
      <c r="T45" s="385"/>
      <c r="U45" s="385"/>
      <c r="V45" s="385"/>
      <c r="W45" s="385"/>
      <c r="X45" s="384"/>
      <c r="Y45" s="407" t="s">
        <v>201</v>
      </c>
      <c r="Z45" s="407"/>
      <c r="AA45" s="407"/>
      <c r="AB45" s="407"/>
      <c r="AC45" s="407"/>
      <c r="AD45" s="407"/>
      <c r="AE45" s="407"/>
      <c r="AF45" s="407"/>
      <c r="AG45" s="407"/>
      <c r="AH45" s="407"/>
      <c r="AI45" s="407"/>
      <c r="AJ45" s="407"/>
      <c r="AK45" s="407"/>
      <c r="AL45" s="407"/>
      <c r="AM45" s="407"/>
      <c r="AN45" s="407"/>
      <c r="AO45" s="407"/>
      <c r="AP45" s="407"/>
      <c r="AQ45" s="407"/>
      <c r="AR45" s="407"/>
      <c r="AS45" s="407"/>
      <c r="AT45" s="407"/>
      <c r="AU45" s="407"/>
      <c r="AV45" s="407"/>
      <c r="AW45" s="407"/>
      <c r="AX45" s="407"/>
      <c r="AY45" s="407"/>
      <c r="AZ45" s="407"/>
      <c r="BA45" s="407"/>
      <c r="BB45" s="407"/>
      <c r="BC45" s="407"/>
      <c r="BD45" s="407"/>
      <c r="BE45" s="407"/>
      <c r="BF45" s="407"/>
      <c r="BG45" s="407"/>
      <c r="BH45" s="407"/>
      <c r="BI45" s="409"/>
    </row>
    <row r="46" spans="1:61" ht="13.5" customHeight="1">
      <c r="A46" s="387"/>
      <c r="B46" s="388"/>
      <c r="C46" s="388"/>
      <c r="D46" s="388"/>
      <c r="E46" s="388"/>
      <c r="F46" s="388"/>
      <c r="G46" s="389"/>
      <c r="H46" s="390"/>
      <c r="I46" s="391"/>
      <c r="J46" s="391"/>
      <c r="K46" s="391"/>
      <c r="L46" s="391"/>
      <c r="M46" s="391"/>
      <c r="N46" s="391"/>
      <c r="O46" s="391"/>
      <c r="P46" s="391"/>
      <c r="Q46" s="391"/>
      <c r="R46" s="391"/>
      <c r="S46" s="391"/>
      <c r="T46" s="391"/>
      <c r="U46" s="391"/>
      <c r="V46" s="391"/>
      <c r="W46" s="391"/>
      <c r="X46" s="390"/>
      <c r="Y46" s="405"/>
      <c r="Z46" s="405" t="s">
        <v>202</v>
      </c>
      <c r="AA46" s="405"/>
      <c r="AB46" s="405"/>
      <c r="AC46" s="405"/>
      <c r="AD46" s="405"/>
      <c r="AE46" s="405"/>
      <c r="AF46" s="405" t="s">
        <v>106</v>
      </c>
      <c r="AG46" s="405"/>
      <c r="AH46" s="405"/>
      <c r="AI46" s="405" t="s">
        <v>203</v>
      </c>
      <c r="AJ46" s="473"/>
      <c r="AK46" s="481"/>
      <c r="AL46" s="481"/>
      <c r="AM46" s="481"/>
      <c r="AN46" s="481"/>
      <c r="AO46" s="481"/>
      <c r="AP46" s="481"/>
      <c r="AQ46" s="481"/>
      <c r="AR46" s="481"/>
      <c r="AS46" s="481"/>
      <c r="AT46" s="481"/>
      <c r="AU46" s="481"/>
      <c r="AV46" s="481"/>
      <c r="AW46" s="481"/>
      <c r="AX46" s="481"/>
      <c r="AY46" s="481"/>
      <c r="AZ46" s="481"/>
      <c r="BA46" s="481"/>
      <c r="BB46" s="481"/>
      <c r="BC46" s="481"/>
      <c r="BD46" s="405" t="s">
        <v>168</v>
      </c>
      <c r="BE46" s="405"/>
      <c r="BF46" s="405" t="s">
        <v>150</v>
      </c>
      <c r="BG46" s="405"/>
      <c r="BH46" s="405"/>
      <c r="BI46" s="412"/>
    </row>
    <row r="47" spans="1:61" ht="13.5" customHeight="1">
      <c r="A47" s="387"/>
      <c r="B47" s="388"/>
      <c r="C47" s="388"/>
      <c r="D47" s="388"/>
      <c r="E47" s="388"/>
      <c r="F47" s="388"/>
      <c r="G47" s="389"/>
      <c r="H47" s="390"/>
      <c r="I47" s="391"/>
      <c r="J47" s="391"/>
      <c r="K47" s="391"/>
      <c r="L47" s="391"/>
      <c r="M47" s="391"/>
      <c r="N47" s="391"/>
      <c r="O47" s="391"/>
      <c r="P47" s="391"/>
      <c r="Q47" s="391"/>
      <c r="R47" s="391"/>
      <c r="S47" s="391"/>
      <c r="T47" s="391"/>
      <c r="U47" s="391"/>
      <c r="V47" s="391"/>
      <c r="W47" s="391"/>
      <c r="X47" s="390"/>
      <c r="Y47" s="405" t="s">
        <v>204</v>
      </c>
      <c r="Z47" s="405"/>
      <c r="AA47" s="405"/>
      <c r="AB47" s="405"/>
      <c r="AC47" s="405"/>
      <c r="AD47" s="405"/>
      <c r="AE47" s="405"/>
      <c r="AF47" s="405"/>
      <c r="AG47" s="405"/>
      <c r="AH47" s="405"/>
      <c r="AI47" s="405"/>
      <c r="AJ47" s="405"/>
      <c r="AK47" s="405"/>
      <c r="AL47" s="405"/>
      <c r="AM47" s="405"/>
      <c r="AN47" s="405"/>
      <c r="AO47" s="405"/>
      <c r="AP47" s="405"/>
      <c r="AQ47" s="405"/>
      <c r="AR47" s="405"/>
      <c r="AS47" s="405"/>
      <c r="AT47" s="405"/>
      <c r="AU47" s="405"/>
      <c r="AV47" s="405"/>
      <c r="AW47" s="405"/>
      <c r="AX47" s="405"/>
      <c r="AY47" s="405"/>
      <c r="AZ47" s="405"/>
      <c r="BA47" s="405"/>
      <c r="BB47" s="405"/>
      <c r="BC47" s="405"/>
      <c r="BD47" s="405"/>
      <c r="BE47" s="405"/>
      <c r="BF47" s="405"/>
      <c r="BG47" s="405"/>
      <c r="BH47" s="405"/>
      <c r="BI47" s="412"/>
    </row>
    <row r="48" spans="1:61" ht="13.5" customHeight="1">
      <c r="A48" s="387"/>
      <c r="B48" s="388"/>
      <c r="C48" s="388"/>
      <c r="D48" s="388"/>
      <c r="E48" s="388"/>
      <c r="F48" s="388"/>
      <c r="G48" s="389"/>
      <c r="H48" s="390"/>
      <c r="I48" s="391"/>
      <c r="J48" s="391"/>
      <c r="K48" s="391"/>
      <c r="L48" s="391"/>
      <c r="M48" s="391"/>
      <c r="N48" s="391"/>
      <c r="O48" s="391"/>
      <c r="P48" s="391"/>
      <c r="Q48" s="391"/>
      <c r="R48" s="391"/>
      <c r="S48" s="391"/>
      <c r="T48" s="391"/>
      <c r="U48" s="391"/>
      <c r="V48" s="391"/>
      <c r="W48" s="391"/>
      <c r="X48" s="390"/>
      <c r="Y48" s="405"/>
      <c r="Z48" s="405" t="s">
        <v>202</v>
      </c>
      <c r="AA48" s="405"/>
      <c r="AB48" s="405"/>
      <c r="AC48" s="405"/>
      <c r="AD48" s="405"/>
      <c r="AE48" s="405"/>
      <c r="AF48" s="405" t="s">
        <v>106</v>
      </c>
      <c r="AG48" s="405"/>
      <c r="AH48" s="405"/>
      <c r="AI48" s="405" t="s">
        <v>203</v>
      </c>
      <c r="AJ48" s="473"/>
      <c r="AK48" s="481"/>
      <c r="AL48" s="481"/>
      <c r="AM48" s="481"/>
      <c r="AN48" s="481"/>
      <c r="AO48" s="481"/>
      <c r="AP48" s="481"/>
      <c r="AQ48" s="481"/>
      <c r="AR48" s="481"/>
      <c r="AS48" s="481"/>
      <c r="AT48" s="481"/>
      <c r="AU48" s="481"/>
      <c r="AV48" s="481"/>
      <c r="AW48" s="481"/>
      <c r="AX48" s="405" t="s">
        <v>205</v>
      </c>
      <c r="AY48" s="405"/>
      <c r="AZ48" s="405" t="s">
        <v>150</v>
      </c>
      <c r="BA48" s="394"/>
      <c r="BB48" s="405"/>
      <c r="BC48" s="405"/>
      <c r="BD48" s="405"/>
      <c r="BE48" s="405" t="s">
        <v>206</v>
      </c>
      <c r="BF48" s="394"/>
      <c r="BG48" s="405"/>
      <c r="BH48" s="405"/>
      <c r="BI48" s="412"/>
    </row>
    <row r="49" spans="1:61" ht="13.5" customHeight="1">
      <c r="A49" s="387"/>
      <c r="B49" s="388"/>
      <c r="C49" s="388"/>
      <c r="D49" s="388"/>
      <c r="E49" s="388"/>
      <c r="F49" s="388"/>
      <c r="G49" s="389"/>
      <c r="H49" s="390"/>
      <c r="I49" s="391"/>
      <c r="J49" s="391"/>
      <c r="K49" s="391"/>
      <c r="L49" s="391"/>
      <c r="M49" s="391"/>
      <c r="N49" s="391"/>
      <c r="O49" s="391"/>
      <c r="P49" s="391"/>
      <c r="Q49" s="391"/>
      <c r="R49" s="391"/>
      <c r="S49" s="391"/>
      <c r="T49" s="391"/>
      <c r="U49" s="391"/>
      <c r="V49" s="391"/>
      <c r="W49" s="391"/>
      <c r="X49" s="390"/>
      <c r="Y49" s="405"/>
      <c r="Z49" s="405" t="s">
        <v>207</v>
      </c>
      <c r="AA49" s="405"/>
      <c r="AB49" s="405"/>
      <c r="AC49" s="405"/>
      <c r="AD49" s="405"/>
      <c r="AE49" s="405" t="s">
        <v>203</v>
      </c>
      <c r="AF49" s="473"/>
      <c r="AG49" s="473"/>
      <c r="AH49" s="473"/>
      <c r="AI49" s="405" t="s">
        <v>208</v>
      </c>
      <c r="AJ49" s="394"/>
      <c r="AK49" s="405"/>
      <c r="AL49" s="405"/>
      <c r="AM49" s="405"/>
      <c r="AN49" s="405"/>
      <c r="AO49" s="405"/>
      <c r="AP49" s="405"/>
      <c r="AQ49" s="405"/>
      <c r="AR49" s="405"/>
      <c r="AS49" s="405"/>
      <c r="AT49" s="405"/>
      <c r="AU49" s="405"/>
      <c r="AV49" s="405"/>
      <c r="AW49" s="405"/>
      <c r="AX49" s="405"/>
      <c r="AY49" s="405"/>
      <c r="AZ49" s="405"/>
      <c r="BA49" s="405"/>
      <c r="BB49" s="405"/>
      <c r="BC49" s="405"/>
      <c r="BD49" s="405"/>
      <c r="BE49" s="405"/>
      <c r="BF49" s="405"/>
      <c r="BG49" s="405"/>
      <c r="BH49" s="405"/>
      <c r="BI49" s="412"/>
    </row>
    <row r="50" spans="1:61" ht="13.5" customHeight="1">
      <c r="A50" s="387"/>
      <c r="B50" s="388"/>
      <c r="C50" s="388"/>
      <c r="D50" s="388"/>
      <c r="E50" s="388"/>
      <c r="F50" s="388"/>
      <c r="G50" s="389"/>
      <c r="H50" s="390"/>
      <c r="I50" s="391"/>
      <c r="J50" s="391"/>
      <c r="K50" s="391"/>
      <c r="L50" s="391"/>
      <c r="M50" s="391"/>
      <c r="N50" s="391"/>
      <c r="O50" s="391"/>
      <c r="P50" s="391"/>
      <c r="Q50" s="391"/>
      <c r="R50" s="391"/>
      <c r="S50" s="391"/>
      <c r="T50" s="391"/>
      <c r="U50" s="391"/>
      <c r="V50" s="391"/>
      <c r="W50" s="391"/>
      <c r="X50" s="390"/>
      <c r="Y50" s="405"/>
      <c r="Z50" s="405" t="s">
        <v>209</v>
      </c>
      <c r="AA50" s="405"/>
      <c r="AB50" s="405"/>
      <c r="AC50" s="405"/>
      <c r="AD50" s="405"/>
      <c r="AE50" s="405"/>
      <c r="AF50" s="405"/>
      <c r="AG50" s="405"/>
      <c r="AH50" s="405"/>
      <c r="AI50" s="405"/>
      <c r="AJ50" s="405"/>
      <c r="AK50" s="405"/>
      <c r="AL50" s="405"/>
      <c r="AM50" s="405"/>
      <c r="AN50" s="405"/>
      <c r="AO50" s="405"/>
      <c r="AP50" s="405"/>
      <c r="AQ50" s="405"/>
      <c r="AR50" s="405"/>
      <c r="AS50" s="405"/>
      <c r="AT50" s="405"/>
      <c r="AU50" s="405"/>
      <c r="AV50" s="405"/>
      <c r="AW50" s="405"/>
      <c r="AX50" s="405"/>
      <c r="AY50" s="405"/>
      <c r="AZ50" s="405"/>
      <c r="BA50" s="405"/>
      <c r="BB50" s="405"/>
      <c r="BC50" s="405"/>
      <c r="BD50" s="405"/>
      <c r="BE50" s="405"/>
      <c r="BF50" s="405"/>
      <c r="BG50" s="405"/>
      <c r="BH50" s="405"/>
      <c r="BI50" s="412"/>
    </row>
    <row r="51" spans="1:61" ht="13.5" customHeight="1">
      <c r="A51" s="387"/>
      <c r="B51" s="388"/>
      <c r="C51" s="388"/>
      <c r="D51" s="388"/>
      <c r="E51" s="388"/>
      <c r="F51" s="388"/>
      <c r="G51" s="389"/>
      <c r="H51" s="390"/>
      <c r="I51" s="391"/>
      <c r="J51" s="391"/>
      <c r="K51" s="391"/>
      <c r="L51" s="391"/>
      <c r="M51" s="391"/>
      <c r="N51" s="391"/>
      <c r="O51" s="391"/>
      <c r="P51" s="391"/>
      <c r="Q51" s="391"/>
      <c r="R51" s="391"/>
      <c r="S51" s="391"/>
      <c r="T51" s="391"/>
      <c r="U51" s="391"/>
      <c r="V51" s="391"/>
      <c r="W51" s="391"/>
      <c r="X51" s="390"/>
      <c r="Y51" s="405"/>
      <c r="Z51" s="405" t="s">
        <v>210</v>
      </c>
      <c r="AA51" s="405"/>
      <c r="AB51" s="405"/>
      <c r="AC51" s="405"/>
      <c r="AD51" s="405"/>
      <c r="AE51" s="405"/>
      <c r="AF51" s="405"/>
      <c r="AG51" s="405"/>
      <c r="AH51" s="405"/>
      <c r="AI51" s="405"/>
      <c r="AJ51" s="405"/>
      <c r="AK51" s="405"/>
      <c r="AL51" s="405"/>
      <c r="AM51" s="405"/>
      <c r="AN51" s="405"/>
      <c r="AO51" s="405"/>
      <c r="AP51" s="405"/>
      <c r="AQ51" s="405"/>
      <c r="AR51" s="405"/>
      <c r="AS51" s="405"/>
      <c r="AT51" s="405"/>
      <c r="AU51" s="405"/>
      <c r="AV51" s="405"/>
      <c r="AW51" s="405"/>
      <c r="AX51" s="405"/>
      <c r="AY51" s="405"/>
      <c r="AZ51" s="405"/>
      <c r="BA51" s="405"/>
      <c r="BB51" s="405"/>
      <c r="BC51" s="405"/>
      <c r="BD51" s="405"/>
      <c r="BE51" s="405"/>
      <c r="BF51" s="405"/>
      <c r="BG51" s="405"/>
      <c r="BH51" s="405"/>
      <c r="BI51" s="412"/>
    </row>
    <row r="52" spans="1:61" ht="13.5" customHeight="1">
      <c r="A52" s="387"/>
      <c r="B52" s="388"/>
      <c r="C52" s="388"/>
      <c r="D52" s="388"/>
      <c r="E52" s="388"/>
      <c r="F52" s="388"/>
      <c r="G52" s="389"/>
      <c r="H52" s="390"/>
      <c r="I52" s="391"/>
      <c r="J52" s="391"/>
      <c r="K52" s="391"/>
      <c r="L52" s="391"/>
      <c r="M52" s="391"/>
      <c r="N52" s="391"/>
      <c r="O52" s="391"/>
      <c r="P52" s="391"/>
      <c r="Q52" s="391"/>
      <c r="R52" s="391"/>
      <c r="S52" s="391"/>
      <c r="T52" s="391"/>
      <c r="U52" s="391"/>
      <c r="V52" s="391"/>
      <c r="W52" s="391"/>
      <c r="X52" s="390"/>
      <c r="Y52" s="405"/>
      <c r="Z52" s="405"/>
      <c r="AA52" s="405"/>
      <c r="AB52" s="405"/>
      <c r="AC52" s="405"/>
      <c r="AD52" s="405"/>
      <c r="AE52" s="405"/>
      <c r="AF52" s="405"/>
      <c r="AG52" s="405"/>
      <c r="AH52" s="405"/>
      <c r="AI52" s="405"/>
      <c r="AJ52" s="405"/>
      <c r="AK52" s="405"/>
      <c r="AL52" s="405"/>
      <c r="AM52" s="405"/>
      <c r="AN52" s="405"/>
      <c r="AO52" s="405"/>
      <c r="AP52" s="405"/>
      <c r="AQ52" s="405"/>
      <c r="AR52" s="405"/>
      <c r="AS52" s="405"/>
      <c r="AT52" s="405"/>
      <c r="AU52" s="405"/>
      <c r="AV52" s="405"/>
      <c r="AW52" s="405"/>
      <c r="AX52" s="405"/>
      <c r="AY52" s="405"/>
      <c r="AZ52" s="405"/>
      <c r="BA52" s="405"/>
      <c r="BB52" s="405"/>
      <c r="BC52" s="405"/>
      <c r="BD52" s="405"/>
      <c r="BE52" s="405"/>
      <c r="BF52" s="405"/>
      <c r="BG52" s="405"/>
      <c r="BH52" s="405"/>
      <c r="BI52" s="412"/>
    </row>
    <row r="53" spans="1:61" ht="13.5" customHeight="1">
      <c r="A53" s="387"/>
      <c r="B53" s="388"/>
      <c r="C53" s="388"/>
      <c r="D53" s="388"/>
      <c r="E53" s="388"/>
      <c r="F53" s="388"/>
      <c r="G53" s="389"/>
      <c r="H53" s="390"/>
      <c r="I53" s="391" t="s">
        <v>211</v>
      </c>
      <c r="J53" s="391"/>
      <c r="K53" s="391"/>
      <c r="L53" s="391"/>
      <c r="M53" s="391"/>
      <c r="N53" s="391"/>
      <c r="O53" s="391"/>
      <c r="P53" s="391"/>
      <c r="Q53" s="391"/>
      <c r="R53" s="391"/>
      <c r="S53" s="391"/>
      <c r="T53" s="391"/>
      <c r="U53" s="391"/>
      <c r="V53" s="391"/>
      <c r="W53" s="391"/>
      <c r="X53" s="390"/>
      <c r="Y53" s="405" t="s">
        <v>212</v>
      </c>
      <c r="Z53" s="405"/>
      <c r="AA53" s="405"/>
      <c r="AB53" s="405"/>
      <c r="AC53" s="405"/>
      <c r="AD53" s="405"/>
      <c r="AE53" s="405"/>
      <c r="AF53" s="405"/>
      <c r="AG53" s="405"/>
      <c r="AH53" s="405"/>
      <c r="AI53" s="405"/>
      <c r="AJ53" s="405"/>
      <c r="AK53" s="405"/>
      <c r="AL53" s="405"/>
      <c r="AM53" s="405"/>
      <c r="AN53" s="405"/>
      <c r="AO53" s="405"/>
      <c r="AP53" s="405"/>
      <c r="AQ53" s="405"/>
      <c r="AR53" s="405"/>
      <c r="AS53" s="405"/>
      <c r="AT53" s="405"/>
      <c r="AU53" s="405"/>
      <c r="AV53" s="405"/>
      <c r="AW53" s="405"/>
      <c r="AX53" s="405"/>
      <c r="AY53" s="405"/>
      <c r="AZ53" s="405"/>
      <c r="BA53" s="405"/>
      <c r="BB53" s="405"/>
      <c r="BC53" s="405"/>
      <c r="BD53" s="405"/>
      <c r="BE53" s="405"/>
      <c r="BF53" s="405"/>
      <c r="BG53" s="405"/>
      <c r="BH53" s="405"/>
      <c r="BI53" s="412"/>
    </row>
    <row r="54" spans="1:61" ht="13.5" customHeight="1">
      <c r="A54" s="387"/>
      <c r="B54" s="388"/>
      <c r="C54" s="388"/>
      <c r="D54" s="388"/>
      <c r="E54" s="388"/>
      <c r="F54" s="388"/>
      <c r="G54" s="389"/>
      <c r="H54" s="390"/>
      <c r="I54" s="391"/>
      <c r="J54" s="391"/>
      <c r="K54" s="391"/>
      <c r="L54" s="391"/>
      <c r="M54" s="391"/>
      <c r="N54" s="391"/>
      <c r="O54" s="391"/>
      <c r="P54" s="391"/>
      <c r="Q54" s="391"/>
      <c r="R54" s="391"/>
      <c r="S54" s="391"/>
      <c r="T54" s="391"/>
      <c r="U54" s="391"/>
      <c r="V54" s="391"/>
      <c r="W54" s="391"/>
      <c r="X54" s="390"/>
      <c r="Y54" s="405" t="s">
        <v>213</v>
      </c>
      <c r="Z54" s="405"/>
      <c r="AA54" s="405"/>
      <c r="AB54" s="405"/>
      <c r="AC54" s="405"/>
      <c r="AD54" s="405"/>
      <c r="AE54" s="405"/>
      <c r="AF54" s="405"/>
      <c r="AG54" s="405"/>
      <c r="AH54" s="405"/>
      <c r="AI54" s="405"/>
      <c r="AJ54" s="405"/>
      <c r="AK54" s="405"/>
      <c r="AL54" s="405"/>
      <c r="AM54" s="405"/>
      <c r="AN54" s="405"/>
      <c r="AO54" s="405"/>
      <c r="AP54" s="405"/>
      <c r="AQ54" s="405"/>
      <c r="AR54" s="405"/>
      <c r="AS54" s="405"/>
      <c r="AT54" s="405"/>
      <c r="AU54" s="405"/>
      <c r="AV54" s="405"/>
      <c r="AW54" s="405"/>
      <c r="AX54" s="405"/>
      <c r="AY54" s="405"/>
      <c r="AZ54" s="405"/>
      <c r="BA54" s="405"/>
      <c r="BB54" s="405"/>
      <c r="BC54" s="405"/>
      <c r="BD54" s="405"/>
      <c r="BE54" s="405"/>
      <c r="BF54" s="405"/>
      <c r="BG54" s="405"/>
      <c r="BH54" s="405"/>
      <c r="BI54" s="412"/>
    </row>
    <row r="55" spans="1:61" ht="13.5" customHeight="1">
      <c r="A55" s="387"/>
      <c r="B55" s="388"/>
      <c r="C55" s="388"/>
      <c r="D55" s="388"/>
      <c r="E55" s="388"/>
      <c r="F55" s="388"/>
      <c r="G55" s="389"/>
      <c r="H55" s="390"/>
      <c r="I55" s="391"/>
      <c r="J55" s="391"/>
      <c r="K55" s="391"/>
      <c r="L55" s="391"/>
      <c r="M55" s="391"/>
      <c r="N55" s="391"/>
      <c r="O55" s="391"/>
      <c r="P55" s="391"/>
      <c r="Q55" s="391"/>
      <c r="R55" s="391"/>
      <c r="S55" s="391"/>
      <c r="T55" s="391"/>
      <c r="U55" s="391"/>
      <c r="V55" s="391"/>
      <c r="W55" s="391"/>
      <c r="X55" s="390"/>
      <c r="Y55" s="405" t="s">
        <v>214</v>
      </c>
      <c r="Z55" s="405"/>
      <c r="AA55" s="405"/>
      <c r="AB55" s="405"/>
      <c r="AC55" s="405"/>
      <c r="AD55" s="405"/>
      <c r="AE55" s="405"/>
      <c r="AF55" s="405"/>
      <c r="AG55" s="405"/>
      <c r="AH55" s="405" t="s">
        <v>215</v>
      </c>
      <c r="AI55" s="405"/>
      <c r="AJ55" s="405"/>
      <c r="AK55" s="405"/>
      <c r="AL55" s="405" t="s">
        <v>216</v>
      </c>
      <c r="AM55" s="405"/>
      <c r="AN55" s="405"/>
      <c r="AO55" s="405"/>
      <c r="AP55" s="405" t="s">
        <v>217</v>
      </c>
      <c r="AQ55" s="405"/>
      <c r="AR55" s="405"/>
      <c r="AS55" s="405"/>
      <c r="AT55" s="405" t="s">
        <v>218</v>
      </c>
      <c r="AU55" s="405"/>
      <c r="AV55" s="405"/>
      <c r="AW55" s="405"/>
      <c r="AX55" s="405" t="s">
        <v>219</v>
      </c>
      <c r="AY55" s="405"/>
      <c r="AZ55" s="405"/>
      <c r="BA55" s="405"/>
      <c r="BB55" s="405" t="s">
        <v>106</v>
      </c>
      <c r="BC55" s="405"/>
      <c r="BD55" s="405"/>
      <c r="BE55" s="405" t="s">
        <v>220</v>
      </c>
      <c r="BF55" s="473"/>
      <c r="BG55" s="473"/>
      <c r="BH55" s="473"/>
      <c r="BI55" s="412" t="s">
        <v>221</v>
      </c>
    </row>
    <row r="56" spans="1:61" ht="13.5" customHeight="1">
      <c r="A56" s="387"/>
      <c r="B56" s="388"/>
      <c r="C56" s="388"/>
      <c r="D56" s="388"/>
      <c r="E56" s="388"/>
      <c r="F56" s="388"/>
      <c r="G56" s="389"/>
      <c r="H56" s="390"/>
      <c r="I56" s="391"/>
      <c r="J56" s="391"/>
      <c r="K56" s="391"/>
      <c r="L56" s="391"/>
      <c r="M56" s="391"/>
      <c r="N56" s="391"/>
      <c r="O56" s="391"/>
      <c r="P56" s="391"/>
      <c r="Q56" s="391"/>
      <c r="R56" s="391"/>
      <c r="S56" s="391"/>
      <c r="T56" s="391"/>
      <c r="U56" s="391"/>
      <c r="V56" s="391"/>
      <c r="W56" s="391"/>
      <c r="X56" s="390"/>
      <c r="Y56" s="405" t="s">
        <v>222</v>
      </c>
      <c r="Z56" s="405"/>
      <c r="AA56" s="405"/>
      <c r="AB56" s="405"/>
      <c r="AC56" s="405"/>
      <c r="AD56" s="405"/>
      <c r="AE56" s="405"/>
      <c r="AF56" s="405" t="s">
        <v>223</v>
      </c>
      <c r="AG56" s="473"/>
      <c r="AH56" s="473"/>
      <c r="AI56" s="473"/>
      <c r="AJ56" s="473"/>
      <c r="AK56" s="473"/>
      <c r="AL56" s="473"/>
      <c r="AM56" s="473"/>
      <c r="AN56" s="473"/>
      <c r="AO56" s="473"/>
      <c r="AP56" s="473"/>
      <c r="AQ56" s="473"/>
      <c r="AR56" s="473"/>
      <c r="AS56" s="473"/>
      <c r="AT56" s="473"/>
      <c r="AU56" s="473"/>
      <c r="AV56" s="473"/>
      <c r="AW56" s="473"/>
      <c r="AX56" s="473"/>
      <c r="AY56" s="473"/>
      <c r="AZ56" s="473"/>
      <c r="BA56" s="473"/>
      <c r="BB56" s="473"/>
      <c r="BC56" s="473"/>
      <c r="BD56" s="473"/>
      <c r="BE56" s="473"/>
      <c r="BF56" s="473"/>
      <c r="BG56" s="473"/>
      <c r="BH56" s="473"/>
      <c r="BI56" s="412" t="s">
        <v>224</v>
      </c>
    </row>
    <row r="57" spans="1:61" ht="13.5" customHeight="1">
      <c r="A57" s="387"/>
      <c r="B57" s="388"/>
      <c r="C57" s="388"/>
      <c r="D57" s="388"/>
      <c r="E57" s="388"/>
      <c r="F57" s="388"/>
      <c r="G57" s="389"/>
      <c r="H57" s="390"/>
      <c r="I57" s="391"/>
      <c r="J57" s="391"/>
      <c r="K57" s="391"/>
      <c r="L57" s="391"/>
      <c r="M57" s="391"/>
      <c r="N57" s="391"/>
      <c r="O57" s="391"/>
      <c r="P57" s="391"/>
      <c r="Q57" s="391"/>
      <c r="R57" s="391"/>
      <c r="S57" s="391"/>
      <c r="T57" s="391"/>
      <c r="U57" s="391"/>
      <c r="V57" s="391"/>
      <c r="W57" s="391"/>
      <c r="X57" s="390"/>
      <c r="Y57" s="405" t="s">
        <v>225</v>
      </c>
      <c r="Z57" s="405"/>
      <c r="AA57" s="405"/>
      <c r="AB57" s="405"/>
      <c r="AC57" s="405"/>
      <c r="AD57" s="405"/>
      <c r="AE57" s="405"/>
      <c r="AF57" s="405" t="s">
        <v>223</v>
      </c>
      <c r="AG57" s="473"/>
      <c r="AH57" s="473"/>
      <c r="AI57" s="473"/>
      <c r="AJ57" s="473"/>
      <c r="AK57" s="473"/>
      <c r="AL57" s="473"/>
      <c r="AM57" s="473"/>
      <c r="AN57" s="473"/>
      <c r="AO57" s="473"/>
      <c r="AP57" s="473"/>
      <c r="AQ57" s="473"/>
      <c r="AR57" s="473"/>
      <c r="AS57" s="473"/>
      <c r="AT57" s="473"/>
      <c r="AU57" s="473"/>
      <c r="AV57" s="473"/>
      <c r="AW57" s="473"/>
      <c r="AX57" s="473"/>
      <c r="AY57" s="473"/>
      <c r="AZ57" s="473"/>
      <c r="BA57" s="473"/>
      <c r="BB57" s="473"/>
      <c r="BC57" s="473"/>
      <c r="BD57" s="473"/>
      <c r="BE57" s="473"/>
      <c r="BF57" s="473"/>
      <c r="BG57" s="473"/>
      <c r="BH57" s="473"/>
      <c r="BI57" s="412" t="s">
        <v>224</v>
      </c>
    </row>
    <row r="58" spans="1:61" ht="13.5" customHeight="1">
      <c r="A58" s="387"/>
      <c r="B58" s="388"/>
      <c r="C58" s="388"/>
      <c r="D58" s="388"/>
      <c r="E58" s="388"/>
      <c r="F58" s="388"/>
      <c r="G58" s="389"/>
      <c r="H58" s="390"/>
      <c r="I58" s="471" t="s">
        <v>226</v>
      </c>
      <c r="J58" s="471"/>
      <c r="K58" s="471"/>
      <c r="L58" s="471"/>
      <c r="M58" s="471"/>
      <c r="N58" s="471"/>
      <c r="O58" s="471"/>
      <c r="P58" s="471"/>
      <c r="Q58" s="471"/>
      <c r="R58" s="471"/>
      <c r="S58" s="471"/>
      <c r="T58" s="471"/>
      <c r="U58" s="471"/>
      <c r="V58" s="471"/>
      <c r="W58" s="472"/>
      <c r="X58" s="390"/>
      <c r="Y58" s="405" t="s">
        <v>227</v>
      </c>
      <c r="Z58" s="405"/>
      <c r="AA58" s="405"/>
      <c r="AB58" s="405"/>
      <c r="AC58" s="405"/>
      <c r="AD58" s="405"/>
      <c r="AE58" s="405"/>
      <c r="AF58" s="405"/>
      <c r="AG58" s="405"/>
      <c r="AH58" s="405"/>
      <c r="AI58" s="405"/>
      <c r="AJ58" s="405"/>
      <c r="AK58" s="405"/>
      <c r="AL58" s="405"/>
      <c r="AM58" s="405"/>
      <c r="AN58" s="405"/>
      <c r="AO58" s="405"/>
      <c r="AP58" s="405"/>
      <c r="AQ58" s="405"/>
      <c r="AR58" s="405"/>
      <c r="AS58" s="405"/>
      <c r="AT58" s="405"/>
      <c r="AU58" s="405"/>
      <c r="AV58" s="405"/>
      <c r="AW58" s="405"/>
      <c r="AX58" s="405"/>
      <c r="AY58" s="405"/>
      <c r="AZ58" s="405"/>
      <c r="BA58" s="405"/>
      <c r="BB58" s="405"/>
      <c r="BC58" s="405"/>
      <c r="BD58" s="405"/>
      <c r="BE58" s="405"/>
      <c r="BF58" s="405"/>
      <c r="BG58" s="405"/>
      <c r="BH58" s="405"/>
      <c r="BI58" s="412"/>
    </row>
    <row r="59" spans="1:61" ht="13.5" customHeight="1">
      <c r="A59" s="387"/>
      <c r="B59" s="388"/>
      <c r="C59" s="388"/>
      <c r="D59" s="388"/>
      <c r="E59" s="388"/>
      <c r="F59" s="388"/>
      <c r="G59" s="389"/>
      <c r="H59" s="390"/>
      <c r="I59" s="471"/>
      <c r="J59" s="471"/>
      <c r="K59" s="471"/>
      <c r="L59" s="471"/>
      <c r="M59" s="471"/>
      <c r="N59" s="471"/>
      <c r="O59" s="471"/>
      <c r="P59" s="471"/>
      <c r="Q59" s="471"/>
      <c r="R59" s="471"/>
      <c r="S59" s="471"/>
      <c r="T59" s="471"/>
      <c r="U59" s="471"/>
      <c r="V59" s="471"/>
      <c r="W59" s="472"/>
      <c r="X59" s="390"/>
      <c r="Y59" s="405"/>
      <c r="Z59" s="405" t="s">
        <v>202</v>
      </c>
      <c r="AA59" s="405"/>
      <c r="AB59" s="405"/>
      <c r="AC59" s="405"/>
      <c r="AD59" s="405"/>
      <c r="AE59" s="405"/>
      <c r="AF59" s="405" t="s">
        <v>106</v>
      </c>
      <c r="AG59" s="405"/>
      <c r="AH59" s="405"/>
      <c r="AI59" s="405" t="s">
        <v>220</v>
      </c>
      <c r="AJ59" s="473"/>
      <c r="AK59" s="473"/>
      <c r="AL59" s="473"/>
      <c r="AM59" s="473"/>
      <c r="AN59" s="473"/>
      <c r="AO59" s="473"/>
      <c r="AP59" s="473"/>
      <c r="AQ59" s="473"/>
      <c r="AR59" s="473"/>
      <c r="AS59" s="473"/>
      <c r="AT59" s="473"/>
      <c r="AU59" s="473"/>
      <c r="AV59" s="473"/>
      <c r="AW59" s="473"/>
      <c r="AX59" s="473"/>
      <c r="AY59" s="473"/>
      <c r="AZ59" s="473"/>
      <c r="BA59" s="473"/>
      <c r="BB59" s="473"/>
      <c r="BC59" s="473"/>
      <c r="BD59" s="405" t="s">
        <v>224</v>
      </c>
      <c r="BE59" s="405"/>
      <c r="BF59" s="405" t="s">
        <v>150</v>
      </c>
      <c r="BG59" s="405"/>
      <c r="BH59" s="405"/>
      <c r="BI59" s="412"/>
    </row>
    <row r="60" spans="1:61" ht="13.5" customHeight="1">
      <c r="A60" s="387"/>
      <c r="B60" s="388"/>
      <c r="C60" s="388"/>
      <c r="D60" s="388"/>
      <c r="E60" s="388"/>
      <c r="F60" s="388"/>
      <c r="G60" s="389"/>
      <c r="H60" s="390"/>
      <c r="I60" s="391"/>
      <c r="J60" s="391"/>
      <c r="K60" s="391"/>
      <c r="L60" s="391"/>
      <c r="M60" s="391"/>
      <c r="N60" s="391"/>
      <c r="O60" s="391"/>
      <c r="P60" s="391"/>
      <c r="Q60" s="391"/>
      <c r="R60" s="391"/>
      <c r="S60" s="391"/>
      <c r="T60" s="391"/>
      <c r="U60" s="391"/>
      <c r="V60" s="391"/>
      <c r="W60" s="391"/>
      <c r="X60" s="390"/>
      <c r="Y60" s="405" t="s">
        <v>228</v>
      </c>
      <c r="Z60" s="405"/>
      <c r="AA60" s="405"/>
      <c r="AB60" s="405"/>
      <c r="AC60" s="405"/>
      <c r="AD60" s="405"/>
      <c r="AE60" s="405"/>
      <c r="AF60" s="405"/>
      <c r="AG60" s="405"/>
      <c r="AH60" s="405"/>
      <c r="AI60" s="405"/>
      <c r="AJ60" s="405"/>
      <c r="AK60" s="405"/>
      <c r="AL60" s="405"/>
      <c r="AM60" s="405"/>
      <c r="AN60" s="405"/>
      <c r="AO60" s="405"/>
      <c r="AP60" s="405"/>
      <c r="AQ60" s="405"/>
      <c r="AR60" s="405"/>
      <c r="AS60" s="405"/>
      <c r="AT60" s="405"/>
      <c r="AU60" s="405"/>
      <c r="AV60" s="405"/>
      <c r="AW60" s="405"/>
      <c r="AX60" s="405"/>
      <c r="AY60" s="405"/>
      <c r="AZ60" s="405"/>
      <c r="BA60" s="405"/>
      <c r="BB60" s="405"/>
      <c r="BC60" s="405"/>
      <c r="BD60" s="405"/>
      <c r="BE60" s="405"/>
      <c r="BF60" s="405"/>
      <c r="BG60" s="405"/>
      <c r="BH60" s="405"/>
      <c r="BI60" s="412"/>
    </row>
    <row r="61" spans="1:61" ht="13.5" customHeight="1">
      <c r="A61" s="387"/>
      <c r="B61" s="388"/>
      <c r="C61" s="388"/>
      <c r="D61" s="388"/>
      <c r="E61" s="388"/>
      <c r="F61" s="388"/>
      <c r="G61" s="389"/>
      <c r="H61" s="390"/>
      <c r="I61" s="391"/>
      <c r="J61" s="391"/>
      <c r="K61" s="391"/>
      <c r="L61" s="391"/>
      <c r="M61" s="391"/>
      <c r="N61" s="391"/>
      <c r="O61" s="391"/>
      <c r="P61" s="391"/>
      <c r="Q61" s="391"/>
      <c r="R61" s="391"/>
      <c r="S61" s="391"/>
      <c r="T61" s="391"/>
      <c r="U61" s="391"/>
      <c r="V61" s="391"/>
      <c r="W61" s="391"/>
      <c r="X61" s="390"/>
      <c r="Y61" s="405"/>
      <c r="Z61" s="405" t="s">
        <v>202</v>
      </c>
      <c r="AA61" s="405"/>
      <c r="AB61" s="405"/>
      <c r="AC61" s="405"/>
      <c r="AD61" s="405"/>
      <c r="AE61" s="405"/>
      <c r="AF61" s="405" t="s">
        <v>106</v>
      </c>
      <c r="AG61" s="405"/>
      <c r="AH61" s="405"/>
      <c r="AI61" s="405" t="s">
        <v>220</v>
      </c>
      <c r="AJ61" s="473"/>
      <c r="AK61" s="473"/>
      <c r="AL61" s="473"/>
      <c r="AM61" s="473"/>
      <c r="AN61" s="473"/>
      <c r="AO61" s="473"/>
      <c r="AP61" s="473"/>
      <c r="AQ61" s="473"/>
      <c r="AR61" s="473"/>
      <c r="AS61" s="473"/>
      <c r="AT61" s="473"/>
      <c r="AU61" s="473"/>
      <c r="AV61" s="473"/>
      <c r="AW61" s="473"/>
      <c r="AX61" s="473"/>
      <c r="AY61" s="473"/>
      <c r="AZ61" s="473"/>
      <c r="BA61" s="473"/>
      <c r="BB61" s="473"/>
      <c r="BC61" s="473"/>
      <c r="BD61" s="405" t="s">
        <v>224</v>
      </c>
      <c r="BE61" s="405"/>
      <c r="BF61" s="405" t="s">
        <v>150</v>
      </c>
      <c r="BG61" s="405"/>
      <c r="BH61" s="405"/>
      <c r="BI61" s="412"/>
    </row>
    <row r="62" spans="1:61" ht="13.5" customHeight="1">
      <c r="A62" s="387"/>
      <c r="B62" s="388"/>
      <c r="C62" s="388"/>
      <c r="D62" s="388"/>
      <c r="E62" s="388"/>
      <c r="F62" s="388"/>
      <c r="G62" s="389"/>
      <c r="H62" s="390"/>
      <c r="I62" s="391" t="s">
        <v>229</v>
      </c>
      <c r="J62" s="391"/>
      <c r="K62" s="391"/>
      <c r="L62" s="391"/>
      <c r="M62" s="391"/>
      <c r="N62" s="391"/>
      <c r="O62" s="391"/>
      <c r="P62" s="391"/>
      <c r="Q62" s="391"/>
      <c r="R62" s="391"/>
      <c r="S62" s="391"/>
      <c r="T62" s="391"/>
      <c r="U62" s="391"/>
      <c r="V62" s="391"/>
      <c r="W62" s="391"/>
      <c r="X62" s="390"/>
      <c r="Y62" s="405" t="s">
        <v>230</v>
      </c>
      <c r="Z62" s="405"/>
      <c r="AA62" s="405"/>
      <c r="AB62" s="405"/>
      <c r="AC62" s="405"/>
      <c r="AD62" s="405"/>
      <c r="AE62" s="405"/>
      <c r="AF62" s="405"/>
      <c r="AG62" s="405"/>
      <c r="AH62" s="405"/>
      <c r="AI62" s="405" t="s">
        <v>220</v>
      </c>
      <c r="AJ62" s="473"/>
      <c r="AK62" s="473"/>
      <c r="AL62" s="473"/>
      <c r="AM62" s="473"/>
      <c r="AN62" s="473"/>
      <c r="AO62" s="473"/>
      <c r="AP62" s="473"/>
      <c r="AQ62" s="473"/>
      <c r="AR62" s="473"/>
      <c r="AS62" s="473"/>
      <c r="AT62" s="473"/>
      <c r="AU62" s="473"/>
      <c r="AV62" s="473"/>
      <c r="AW62" s="473"/>
      <c r="AX62" s="473"/>
      <c r="AY62" s="473"/>
      <c r="AZ62" s="473"/>
      <c r="BA62" s="473"/>
      <c r="BB62" s="473"/>
      <c r="BC62" s="473"/>
      <c r="BD62" s="473"/>
      <c r="BE62" s="473"/>
      <c r="BF62" s="473"/>
      <c r="BG62" s="473"/>
      <c r="BH62" s="473"/>
      <c r="BI62" s="412" t="s">
        <v>221</v>
      </c>
    </row>
    <row r="63" spans="1:61" ht="13.5" customHeight="1">
      <c r="A63" s="387"/>
      <c r="B63" s="388"/>
      <c r="C63" s="388"/>
      <c r="D63" s="388"/>
      <c r="E63" s="388"/>
      <c r="F63" s="388"/>
      <c r="G63" s="389"/>
      <c r="H63" s="390"/>
      <c r="I63" s="391"/>
      <c r="J63" s="391"/>
      <c r="K63" s="391"/>
      <c r="L63" s="391"/>
      <c r="M63" s="391"/>
      <c r="N63" s="391"/>
      <c r="O63" s="391"/>
      <c r="P63" s="391"/>
      <c r="Q63" s="391"/>
      <c r="R63" s="391"/>
      <c r="S63" s="391"/>
      <c r="T63" s="391"/>
      <c r="U63" s="391"/>
      <c r="V63" s="391"/>
      <c r="W63" s="391"/>
      <c r="X63" s="390"/>
      <c r="Y63" s="405" t="s">
        <v>231</v>
      </c>
      <c r="Z63" s="405"/>
      <c r="AA63" s="405"/>
      <c r="AB63" s="405"/>
      <c r="AC63" s="405"/>
      <c r="AD63" s="405"/>
      <c r="AE63" s="405"/>
      <c r="AF63" s="405"/>
      <c r="AG63" s="405"/>
      <c r="AH63" s="405"/>
      <c r="AI63" s="405" t="s">
        <v>220</v>
      </c>
      <c r="AJ63" s="473"/>
      <c r="AK63" s="473"/>
      <c r="AL63" s="473"/>
      <c r="AM63" s="473"/>
      <c r="AN63" s="473"/>
      <c r="AO63" s="473"/>
      <c r="AP63" s="473"/>
      <c r="AQ63" s="473"/>
      <c r="AR63" s="473"/>
      <c r="AS63" s="473"/>
      <c r="AT63" s="473"/>
      <c r="AU63" s="473"/>
      <c r="AV63" s="473"/>
      <c r="AW63" s="473"/>
      <c r="AX63" s="473"/>
      <c r="AY63" s="473"/>
      <c r="AZ63" s="473"/>
      <c r="BA63" s="473"/>
      <c r="BB63" s="473"/>
      <c r="BC63" s="473"/>
      <c r="BD63" s="473"/>
      <c r="BE63" s="473"/>
      <c r="BF63" s="473"/>
      <c r="BG63" s="473"/>
      <c r="BH63" s="473"/>
      <c r="BI63" s="412" t="s">
        <v>221</v>
      </c>
    </row>
    <row r="64" spans="1:61" ht="13.5" customHeight="1">
      <c r="A64" s="387"/>
      <c r="B64" s="388"/>
      <c r="C64" s="388"/>
      <c r="D64" s="388"/>
      <c r="E64" s="388"/>
      <c r="F64" s="388"/>
      <c r="G64" s="389"/>
      <c r="H64" s="390"/>
      <c r="I64" s="391" t="s">
        <v>106</v>
      </c>
      <c r="J64" s="391"/>
      <c r="K64" s="391"/>
      <c r="L64" s="391" t="s">
        <v>223</v>
      </c>
      <c r="M64" s="473"/>
      <c r="N64" s="473"/>
      <c r="O64" s="473"/>
      <c r="P64" s="473"/>
      <c r="Q64" s="473"/>
      <c r="R64" s="473"/>
      <c r="S64" s="473"/>
      <c r="T64" s="473"/>
      <c r="U64" s="473"/>
      <c r="V64" s="473"/>
      <c r="W64" s="391" t="s">
        <v>224</v>
      </c>
      <c r="X64" s="390"/>
      <c r="Y64" s="405" t="s">
        <v>106</v>
      </c>
      <c r="Z64" s="405"/>
      <c r="AA64" s="405"/>
      <c r="AB64" s="405" t="s">
        <v>220</v>
      </c>
      <c r="AC64" s="473"/>
      <c r="AD64" s="473"/>
      <c r="AE64" s="473"/>
      <c r="AF64" s="473"/>
      <c r="AG64" s="473"/>
      <c r="AH64" s="473"/>
      <c r="AI64" s="473"/>
      <c r="AJ64" s="473"/>
      <c r="AK64" s="473"/>
      <c r="AL64" s="473"/>
      <c r="AM64" s="473"/>
      <c r="AN64" s="473"/>
      <c r="AO64" s="473"/>
      <c r="AP64" s="473"/>
      <c r="AQ64" s="473"/>
      <c r="AR64" s="473"/>
      <c r="AS64" s="473"/>
      <c r="AT64" s="473"/>
      <c r="AU64" s="473"/>
      <c r="AV64" s="473"/>
      <c r="AW64" s="473"/>
      <c r="AX64" s="473"/>
      <c r="AY64" s="473"/>
      <c r="AZ64" s="473"/>
      <c r="BA64" s="473"/>
      <c r="BB64" s="473"/>
      <c r="BC64" s="473"/>
      <c r="BD64" s="473"/>
      <c r="BE64" s="473"/>
      <c r="BF64" s="473"/>
      <c r="BG64" s="473"/>
      <c r="BH64" s="473"/>
      <c r="BI64" s="412" t="s">
        <v>221</v>
      </c>
    </row>
    <row r="65" spans="1:61" ht="13.5" customHeight="1">
      <c r="A65" s="396"/>
      <c r="B65" s="397"/>
      <c r="C65" s="397"/>
      <c r="D65" s="397"/>
      <c r="E65" s="397"/>
      <c r="F65" s="397"/>
      <c r="G65" s="398"/>
      <c r="H65" s="399"/>
      <c r="I65" s="400"/>
      <c r="J65" s="400"/>
      <c r="K65" s="400"/>
      <c r="L65" s="400"/>
      <c r="M65" s="400"/>
      <c r="N65" s="400"/>
      <c r="O65" s="400"/>
      <c r="P65" s="400"/>
      <c r="Q65" s="400"/>
      <c r="R65" s="400"/>
      <c r="S65" s="400"/>
      <c r="T65" s="400"/>
      <c r="U65" s="400"/>
      <c r="V65" s="400"/>
      <c r="W65" s="400"/>
      <c r="X65" s="399"/>
      <c r="Y65" s="415"/>
      <c r="Z65" s="415"/>
      <c r="AA65" s="415"/>
      <c r="AB65" s="415"/>
      <c r="AC65" s="415"/>
      <c r="AD65" s="415"/>
      <c r="AE65" s="415"/>
      <c r="AF65" s="415"/>
      <c r="AG65" s="415"/>
      <c r="AH65" s="415"/>
      <c r="AI65" s="415"/>
      <c r="AJ65" s="415"/>
      <c r="AK65" s="415"/>
      <c r="AL65" s="415"/>
      <c r="AM65" s="415"/>
      <c r="AN65" s="415"/>
      <c r="AO65" s="415"/>
      <c r="AP65" s="415"/>
      <c r="AQ65" s="415"/>
      <c r="AR65" s="415"/>
      <c r="AS65" s="415"/>
      <c r="AT65" s="415"/>
      <c r="AU65" s="415"/>
      <c r="AV65" s="415"/>
      <c r="AW65" s="415"/>
      <c r="AX65" s="415"/>
      <c r="AY65" s="415"/>
      <c r="AZ65" s="415"/>
      <c r="BA65" s="415"/>
      <c r="BB65" s="415"/>
      <c r="BC65" s="415"/>
      <c r="BD65" s="415"/>
      <c r="BE65" s="415"/>
      <c r="BF65" s="415"/>
      <c r="BG65" s="415"/>
      <c r="BH65" s="415"/>
      <c r="BI65" s="416"/>
    </row>
    <row r="66" spans="1:61" ht="13.5" customHeight="1">
      <c r="A66" s="478" t="s">
        <v>232</v>
      </c>
      <c r="B66" s="479"/>
      <c r="C66" s="479"/>
      <c r="D66" s="479"/>
      <c r="E66" s="479"/>
      <c r="F66" s="479"/>
      <c r="G66" s="480"/>
      <c r="H66" s="384"/>
      <c r="I66" s="385" t="s">
        <v>233</v>
      </c>
      <c r="J66" s="385"/>
      <c r="K66" s="385"/>
      <c r="L66" s="385"/>
      <c r="M66" s="385"/>
      <c r="N66" s="385"/>
      <c r="O66" s="385"/>
      <c r="P66" s="385"/>
      <c r="Q66" s="385"/>
      <c r="R66" s="385"/>
      <c r="S66" s="385"/>
      <c r="T66" s="385"/>
      <c r="U66" s="385"/>
      <c r="V66" s="385"/>
      <c r="W66" s="385"/>
      <c r="X66" s="384"/>
      <c r="Y66" s="407" t="s">
        <v>234</v>
      </c>
      <c r="Z66" s="407"/>
      <c r="AA66" s="407"/>
      <c r="AB66" s="407"/>
      <c r="AC66" s="407"/>
      <c r="AD66" s="407"/>
      <c r="AE66" s="407"/>
      <c r="AF66" s="407"/>
      <c r="AG66" s="407"/>
      <c r="AH66" s="407"/>
      <c r="AI66" s="407"/>
      <c r="AJ66" s="407"/>
      <c r="AK66" s="407"/>
      <c r="AL66" s="407"/>
      <c r="AM66" s="407"/>
      <c r="AN66" s="407"/>
      <c r="AO66" s="407"/>
      <c r="AP66" s="407"/>
      <c r="AQ66" s="407"/>
      <c r="AR66" s="407"/>
      <c r="AS66" s="407"/>
      <c r="AT66" s="407"/>
      <c r="AU66" s="407"/>
      <c r="AV66" s="407"/>
      <c r="AW66" s="407"/>
      <c r="AX66" s="407"/>
      <c r="AY66" s="407"/>
      <c r="AZ66" s="407"/>
      <c r="BA66" s="407"/>
      <c r="BB66" s="407"/>
      <c r="BC66" s="407"/>
      <c r="BD66" s="407"/>
      <c r="BE66" s="407"/>
      <c r="BF66" s="407"/>
      <c r="BG66" s="407"/>
      <c r="BH66" s="407"/>
      <c r="BI66" s="409"/>
    </row>
    <row r="67" spans="1:61" ht="13.5" customHeight="1">
      <c r="A67" s="387"/>
      <c r="B67" s="388"/>
      <c r="C67" s="388"/>
      <c r="D67" s="388"/>
      <c r="E67" s="388"/>
      <c r="F67" s="388"/>
      <c r="G67" s="389"/>
      <c r="H67" s="390"/>
      <c r="I67" s="391"/>
      <c r="J67" s="391"/>
      <c r="K67" s="391"/>
      <c r="L67" s="391"/>
      <c r="M67" s="391"/>
      <c r="N67" s="391"/>
      <c r="O67" s="391"/>
      <c r="P67" s="391"/>
      <c r="Q67" s="391"/>
      <c r="R67" s="391"/>
      <c r="S67" s="391"/>
      <c r="T67" s="391"/>
      <c r="U67" s="391"/>
      <c r="V67" s="391"/>
      <c r="W67" s="391"/>
      <c r="X67" s="390"/>
      <c r="Y67" s="405"/>
      <c r="Z67" s="405" t="s">
        <v>235</v>
      </c>
      <c r="AA67" s="405"/>
      <c r="AB67" s="405"/>
      <c r="AC67" s="405"/>
      <c r="AD67" s="405"/>
      <c r="AE67" s="405"/>
      <c r="AF67" s="405" t="s">
        <v>106</v>
      </c>
      <c r="AG67" s="405"/>
      <c r="AH67" s="405"/>
      <c r="AI67" s="405" t="s">
        <v>223</v>
      </c>
      <c r="AJ67" s="473"/>
      <c r="AK67" s="473"/>
      <c r="AL67" s="473"/>
      <c r="AM67" s="473"/>
      <c r="AN67" s="473"/>
      <c r="AO67" s="473"/>
      <c r="AP67" s="473"/>
      <c r="AQ67" s="473"/>
      <c r="AR67" s="473"/>
      <c r="AS67" s="481"/>
      <c r="AT67" s="481"/>
      <c r="AU67" s="481"/>
      <c r="AV67" s="481"/>
      <c r="AW67" s="481"/>
      <c r="AX67" s="481"/>
      <c r="AY67" s="481"/>
      <c r="AZ67" s="481"/>
      <c r="BA67" s="481"/>
      <c r="BB67" s="481"/>
      <c r="BC67" s="481"/>
      <c r="BD67" s="405" t="s">
        <v>224</v>
      </c>
      <c r="BE67" s="405"/>
      <c r="BF67" s="405" t="s">
        <v>150</v>
      </c>
      <c r="BG67" s="405"/>
      <c r="BH67" s="405"/>
      <c r="BI67" s="412"/>
    </row>
    <row r="68" spans="1:61" ht="13.5" customHeight="1">
      <c r="A68" s="387"/>
      <c r="B68" s="388"/>
      <c r="C68" s="388"/>
      <c r="D68" s="388"/>
      <c r="E68" s="388"/>
      <c r="F68" s="388"/>
      <c r="G68" s="389"/>
      <c r="H68" s="390"/>
      <c r="I68" s="391"/>
      <c r="J68" s="391"/>
      <c r="K68" s="391"/>
      <c r="L68" s="391"/>
      <c r="M68" s="391"/>
      <c r="N68" s="391"/>
      <c r="O68" s="391"/>
      <c r="P68" s="391"/>
      <c r="Q68" s="391"/>
      <c r="R68" s="391"/>
      <c r="S68" s="391"/>
      <c r="T68" s="391"/>
      <c r="U68" s="391"/>
      <c r="V68" s="391"/>
      <c r="W68" s="391"/>
      <c r="X68" s="390"/>
      <c r="Y68" s="405" t="s">
        <v>236</v>
      </c>
      <c r="Z68" s="405"/>
      <c r="AA68" s="405"/>
      <c r="AB68" s="394"/>
      <c r="AC68" s="405" t="s">
        <v>223</v>
      </c>
      <c r="AD68" s="482"/>
      <c r="AE68" s="482"/>
      <c r="AF68" s="405" t="s">
        <v>237</v>
      </c>
      <c r="AG68" s="405"/>
      <c r="AH68" s="405"/>
      <c r="AI68" s="405"/>
      <c r="AJ68" s="405"/>
      <c r="AK68" s="405"/>
      <c r="AL68" s="405"/>
      <c r="AM68" s="405"/>
      <c r="AN68" s="405"/>
      <c r="AO68" s="405"/>
      <c r="AP68" s="405"/>
      <c r="AQ68" s="405"/>
      <c r="AR68" s="405"/>
      <c r="AS68" s="405"/>
      <c r="AT68" s="405"/>
      <c r="AU68" s="405"/>
      <c r="AV68" s="405"/>
      <c r="AW68" s="405"/>
      <c r="AX68" s="405"/>
      <c r="AY68" s="405"/>
      <c r="AZ68" s="405"/>
      <c r="BA68" s="405"/>
      <c r="BB68" s="405"/>
      <c r="BC68" s="405"/>
      <c r="BD68" s="405"/>
      <c r="BE68" s="405"/>
      <c r="BF68" s="405"/>
      <c r="BG68" s="405"/>
      <c r="BH68" s="405"/>
      <c r="BI68" s="412"/>
    </row>
    <row r="69" spans="1:61" ht="13.5" customHeight="1">
      <c r="A69" s="387"/>
      <c r="B69" s="388"/>
      <c r="C69" s="388"/>
      <c r="D69" s="388"/>
      <c r="E69" s="388"/>
      <c r="F69" s="388"/>
      <c r="G69" s="389"/>
      <c r="H69" s="390"/>
      <c r="I69" s="391"/>
      <c r="J69" s="391"/>
      <c r="K69" s="391"/>
      <c r="L69" s="391"/>
      <c r="M69" s="391"/>
      <c r="N69" s="391"/>
      <c r="O69" s="391"/>
      <c r="P69" s="391"/>
      <c r="Q69" s="391"/>
      <c r="R69" s="391"/>
      <c r="S69" s="391"/>
      <c r="T69" s="391"/>
      <c r="U69" s="391"/>
      <c r="V69" s="391"/>
      <c r="W69" s="391"/>
      <c r="X69" s="390"/>
      <c r="Y69" s="405" t="s">
        <v>238</v>
      </c>
      <c r="Z69" s="405"/>
      <c r="AA69" s="405"/>
      <c r="AB69" s="405"/>
      <c r="AC69" s="418" t="s">
        <v>223</v>
      </c>
      <c r="AD69" s="482"/>
      <c r="AE69" s="482"/>
      <c r="AF69" s="482"/>
      <c r="AG69" s="482"/>
      <c r="AH69" s="482"/>
      <c r="AI69" s="482"/>
      <c r="AJ69" s="482"/>
      <c r="AK69" s="482"/>
      <c r="AL69" s="482"/>
      <c r="AM69" s="482"/>
      <c r="AN69" s="482"/>
      <c r="AO69" s="482"/>
      <c r="AP69" s="482"/>
      <c r="AQ69" s="482"/>
      <c r="AR69" s="482"/>
      <c r="AS69" s="482"/>
      <c r="AT69" s="482"/>
      <c r="AU69" s="482"/>
      <c r="AV69" s="482"/>
      <c r="AW69" s="482"/>
      <c r="AX69" s="482"/>
      <c r="AY69" s="482"/>
      <c r="AZ69" s="482"/>
      <c r="BA69" s="482"/>
      <c r="BB69" s="482"/>
      <c r="BC69" s="482"/>
      <c r="BD69" s="482"/>
      <c r="BE69" s="482"/>
      <c r="BF69" s="482"/>
      <c r="BG69" s="482"/>
      <c r="BH69" s="482"/>
      <c r="BI69" s="412" t="s">
        <v>224</v>
      </c>
    </row>
    <row r="70" spans="1:61" ht="13.5" customHeight="1">
      <c r="A70" s="387"/>
      <c r="B70" s="388"/>
      <c r="C70" s="388"/>
      <c r="D70" s="388"/>
      <c r="E70" s="388"/>
      <c r="F70" s="388"/>
      <c r="G70" s="389"/>
      <c r="H70" s="390"/>
      <c r="I70" s="391"/>
      <c r="J70" s="391"/>
      <c r="K70" s="391"/>
      <c r="L70" s="391"/>
      <c r="M70" s="391"/>
      <c r="N70" s="391"/>
      <c r="O70" s="391"/>
      <c r="P70" s="391"/>
      <c r="Q70" s="391"/>
      <c r="R70" s="391"/>
      <c r="S70" s="391"/>
      <c r="T70" s="391"/>
      <c r="U70" s="391"/>
      <c r="V70" s="391"/>
      <c r="W70" s="391"/>
      <c r="X70" s="390"/>
      <c r="Y70" s="405" t="s">
        <v>106</v>
      </c>
      <c r="Z70" s="405"/>
      <c r="AA70" s="405"/>
      <c r="AB70" s="405" t="s">
        <v>223</v>
      </c>
      <c r="AC70" s="473"/>
      <c r="AD70" s="473"/>
      <c r="AE70" s="473"/>
      <c r="AF70" s="473"/>
      <c r="AG70" s="473"/>
      <c r="AH70" s="473"/>
      <c r="AI70" s="473"/>
      <c r="AJ70" s="473"/>
      <c r="AK70" s="473"/>
      <c r="AL70" s="473"/>
      <c r="AM70" s="473"/>
      <c r="AN70" s="473"/>
      <c r="AO70" s="473"/>
      <c r="AP70" s="473"/>
      <c r="AQ70" s="473"/>
      <c r="AR70" s="473"/>
      <c r="AS70" s="473"/>
      <c r="AT70" s="473"/>
      <c r="AU70" s="473"/>
      <c r="AV70" s="473"/>
      <c r="AW70" s="473"/>
      <c r="AX70" s="473"/>
      <c r="AY70" s="473"/>
      <c r="AZ70" s="473"/>
      <c r="BA70" s="473"/>
      <c r="BB70" s="473"/>
      <c r="BC70" s="473"/>
      <c r="BD70" s="473"/>
      <c r="BE70" s="473"/>
      <c r="BF70" s="473"/>
      <c r="BG70" s="473"/>
      <c r="BH70" s="473"/>
      <c r="BI70" s="412" t="s">
        <v>224</v>
      </c>
    </row>
    <row r="71" spans="1:61" ht="13.5" customHeight="1">
      <c r="A71" s="387"/>
      <c r="B71" s="388"/>
      <c r="C71" s="388"/>
      <c r="D71" s="388"/>
      <c r="E71" s="388"/>
      <c r="F71" s="388"/>
      <c r="G71" s="389"/>
      <c r="H71" s="390"/>
      <c r="I71" s="391" t="s">
        <v>239</v>
      </c>
      <c r="J71" s="391"/>
      <c r="K71" s="391"/>
      <c r="L71" s="391"/>
      <c r="M71" s="391"/>
      <c r="N71" s="391"/>
      <c r="O71" s="391"/>
      <c r="P71" s="391"/>
      <c r="Q71" s="391"/>
      <c r="R71" s="391"/>
      <c r="S71" s="391"/>
      <c r="T71" s="391"/>
      <c r="U71" s="391"/>
      <c r="V71" s="391"/>
      <c r="W71" s="391"/>
      <c r="X71" s="390"/>
      <c r="Y71" s="405" t="s">
        <v>240</v>
      </c>
      <c r="Z71" s="405"/>
      <c r="AA71" s="405"/>
      <c r="AB71" s="405"/>
      <c r="AC71" s="405"/>
      <c r="AD71" s="405"/>
      <c r="AE71" s="405"/>
      <c r="AF71" s="405"/>
      <c r="AG71" s="405"/>
      <c r="AH71" s="405"/>
      <c r="AI71" s="405"/>
      <c r="AJ71" s="405"/>
      <c r="AK71" s="405"/>
      <c r="AL71" s="405"/>
      <c r="AM71" s="405"/>
      <c r="AN71" s="405"/>
      <c r="AO71" s="405"/>
      <c r="AP71" s="405"/>
      <c r="AQ71" s="405"/>
      <c r="AR71" s="405"/>
      <c r="AS71" s="405"/>
      <c r="AT71" s="405"/>
      <c r="AU71" s="405"/>
      <c r="AV71" s="405"/>
      <c r="AW71" s="405"/>
      <c r="AX71" s="405"/>
      <c r="AY71" s="405"/>
      <c r="AZ71" s="405"/>
      <c r="BA71" s="405"/>
      <c r="BB71" s="405"/>
      <c r="BC71" s="405"/>
      <c r="BD71" s="405"/>
      <c r="BE71" s="405"/>
      <c r="BF71" s="405"/>
      <c r="BG71" s="405"/>
      <c r="BH71" s="405"/>
      <c r="BI71" s="412"/>
    </row>
    <row r="72" spans="1:61" ht="13.5" customHeight="1">
      <c r="A72" s="387"/>
      <c r="B72" s="388"/>
      <c r="C72" s="388"/>
      <c r="D72" s="388"/>
      <c r="E72" s="388"/>
      <c r="F72" s="388"/>
      <c r="G72" s="389"/>
      <c r="H72" s="390"/>
      <c r="I72" s="391"/>
      <c r="J72" s="391"/>
      <c r="K72" s="391"/>
      <c r="L72" s="391"/>
      <c r="M72" s="391"/>
      <c r="N72" s="391"/>
      <c r="O72" s="391"/>
      <c r="P72" s="391"/>
      <c r="Q72" s="391"/>
      <c r="R72" s="391"/>
      <c r="S72" s="391"/>
      <c r="T72" s="391"/>
      <c r="U72" s="391"/>
      <c r="V72" s="391"/>
      <c r="W72" s="391"/>
      <c r="X72" s="390"/>
      <c r="Y72" s="405"/>
      <c r="Z72" s="405" t="s">
        <v>235</v>
      </c>
      <c r="AA72" s="405"/>
      <c r="AB72" s="405"/>
      <c r="AC72" s="405"/>
      <c r="AD72" s="405"/>
      <c r="AE72" s="405"/>
      <c r="AF72" s="405" t="s">
        <v>106</v>
      </c>
      <c r="AG72" s="405"/>
      <c r="AH72" s="405"/>
      <c r="AI72" s="405" t="s">
        <v>223</v>
      </c>
      <c r="AJ72" s="473"/>
      <c r="AK72" s="481"/>
      <c r="AL72" s="481"/>
      <c r="AM72" s="481"/>
      <c r="AN72" s="481"/>
      <c r="AO72" s="481"/>
      <c r="AP72" s="481"/>
      <c r="AQ72" s="481"/>
      <c r="AR72" s="481"/>
      <c r="AS72" s="481"/>
      <c r="AT72" s="481"/>
      <c r="AU72" s="481"/>
      <c r="AV72" s="481"/>
      <c r="AW72" s="481"/>
      <c r="AX72" s="481"/>
      <c r="AY72" s="481"/>
      <c r="AZ72" s="481"/>
      <c r="BA72" s="481"/>
      <c r="BB72" s="481"/>
      <c r="BC72" s="481"/>
      <c r="BD72" s="405" t="s">
        <v>224</v>
      </c>
      <c r="BE72" s="405"/>
      <c r="BF72" s="405" t="s">
        <v>150</v>
      </c>
      <c r="BG72" s="405"/>
      <c r="BH72" s="405"/>
      <c r="BI72" s="412"/>
    </row>
    <row r="73" spans="1:61" ht="13.5" customHeight="1">
      <c r="A73" s="387"/>
      <c r="B73" s="388"/>
      <c r="C73" s="388"/>
      <c r="D73" s="388"/>
      <c r="E73" s="388"/>
      <c r="F73" s="388"/>
      <c r="G73" s="389"/>
      <c r="H73" s="390"/>
      <c r="I73" s="391"/>
      <c r="J73" s="391"/>
      <c r="K73" s="391"/>
      <c r="L73" s="391"/>
      <c r="M73" s="391"/>
      <c r="N73" s="391"/>
      <c r="O73" s="391"/>
      <c r="P73" s="391"/>
      <c r="Q73" s="391"/>
      <c r="R73" s="391"/>
      <c r="S73" s="391"/>
      <c r="T73" s="391"/>
      <c r="U73" s="391"/>
      <c r="V73" s="391"/>
      <c r="W73" s="391"/>
      <c r="X73" s="390"/>
      <c r="Y73" s="405" t="s">
        <v>154</v>
      </c>
      <c r="Z73" s="405"/>
      <c r="AA73" s="405"/>
      <c r="AB73" s="405"/>
      <c r="AC73" s="405"/>
      <c r="AD73" s="405"/>
      <c r="AE73" s="405"/>
      <c r="AF73" s="405"/>
      <c r="AG73" s="405"/>
      <c r="AH73" s="405"/>
      <c r="AI73" s="405"/>
      <c r="AJ73" s="405"/>
      <c r="AK73" s="405"/>
      <c r="AL73" s="405"/>
      <c r="AM73" s="405"/>
      <c r="AN73" s="405"/>
      <c r="AO73" s="405"/>
      <c r="AP73" s="405"/>
      <c r="AQ73" s="405"/>
      <c r="AR73" s="405"/>
      <c r="AS73" s="405"/>
      <c r="AT73" s="405"/>
      <c r="AU73" s="405"/>
      <c r="AV73" s="405"/>
      <c r="AW73" s="405"/>
      <c r="AX73" s="405"/>
      <c r="AY73" s="405"/>
      <c r="AZ73" s="405"/>
      <c r="BA73" s="405"/>
      <c r="BB73" s="405"/>
      <c r="BC73" s="405"/>
      <c r="BD73" s="405"/>
      <c r="BE73" s="405"/>
      <c r="BF73" s="405"/>
      <c r="BG73" s="405"/>
      <c r="BH73" s="405"/>
      <c r="BI73" s="412"/>
    </row>
    <row r="74" spans="1:61" ht="13.5" customHeight="1">
      <c r="A74" s="387"/>
      <c r="B74" s="388"/>
      <c r="C74" s="388"/>
      <c r="D74" s="388"/>
      <c r="E74" s="388"/>
      <c r="F74" s="388"/>
      <c r="G74" s="389"/>
      <c r="H74" s="390"/>
      <c r="I74" s="391"/>
      <c r="J74" s="391"/>
      <c r="K74" s="391"/>
      <c r="L74" s="391"/>
      <c r="M74" s="391"/>
      <c r="N74" s="391"/>
      <c r="O74" s="391"/>
      <c r="P74" s="391"/>
      <c r="Q74" s="391"/>
      <c r="R74" s="391"/>
      <c r="S74" s="391"/>
      <c r="T74" s="391"/>
      <c r="U74" s="391"/>
      <c r="V74" s="391"/>
      <c r="W74" s="391"/>
      <c r="X74" s="390"/>
      <c r="Y74" s="405" t="s">
        <v>106</v>
      </c>
      <c r="Z74" s="405"/>
      <c r="AA74" s="405"/>
      <c r="AB74" s="405" t="s">
        <v>223</v>
      </c>
      <c r="AC74" s="473"/>
      <c r="AD74" s="473"/>
      <c r="AE74" s="473"/>
      <c r="AF74" s="473"/>
      <c r="AG74" s="473"/>
      <c r="AH74" s="473"/>
      <c r="AI74" s="473"/>
      <c r="AJ74" s="473"/>
      <c r="AK74" s="473"/>
      <c r="AL74" s="473"/>
      <c r="AM74" s="473"/>
      <c r="AN74" s="473"/>
      <c r="AO74" s="473"/>
      <c r="AP74" s="473"/>
      <c r="AQ74" s="473"/>
      <c r="AR74" s="473"/>
      <c r="AS74" s="473"/>
      <c r="AT74" s="473"/>
      <c r="AU74" s="473"/>
      <c r="AV74" s="473"/>
      <c r="AW74" s="473"/>
      <c r="AX74" s="473"/>
      <c r="AY74" s="473"/>
      <c r="AZ74" s="473"/>
      <c r="BA74" s="473"/>
      <c r="BB74" s="473"/>
      <c r="BC74" s="473"/>
      <c r="BD74" s="473"/>
      <c r="BE74" s="473"/>
      <c r="BF74" s="473"/>
      <c r="BG74" s="473"/>
      <c r="BH74" s="473"/>
      <c r="BI74" s="412" t="s">
        <v>224</v>
      </c>
    </row>
    <row r="75" spans="1:61" ht="13.5" customHeight="1">
      <c r="A75" s="387"/>
      <c r="B75" s="388"/>
      <c r="C75" s="388"/>
      <c r="D75" s="388"/>
      <c r="E75" s="388"/>
      <c r="F75" s="388"/>
      <c r="G75" s="389"/>
      <c r="H75" s="390"/>
      <c r="I75" s="391"/>
      <c r="J75" s="391"/>
      <c r="K75" s="391"/>
      <c r="L75" s="391"/>
      <c r="M75" s="391"/>
      <c r="N75" s="391"/>
      <c r="O75" s="391"/>
      <c r="P75" s="391"/>
      <c r="Q75" s="391"/>
      <c r="R75" s="391"/>
      <c r="S75" s="391"/>
      <c r="T75" s="391"/>
      <c r="U75" s="391"/>
      <c r="V75" s="391"/>
      <c r="W75" s="391"/>
      <c r="X75" s="390"/>
      <c r="Y75" s="405"/>
      <c r="Z75" s="405"/>
      <c r="AA75" s="405"/>
      <c r="AB75" s="405"/>
      <c r="AC75" s="418"/>
      <c r="AD75" s="418"/>
      <c r="AE75" s="418"/>
      <c r="AF75" s="418"/>
      <c r="AG75" s="418"/>
      <c r="AH75" s="418"/>
      <c r="AI75" s="418"/>
      <c r="AJ75" s="418"/>
      <c r="AK75" s="418"/>
      <c r="AL75" s="418"/>
      <c r="AM75" s="418"/>
      <c r="AN75" s="418"/>
      <c r="AO75" s="418"/>
      <c r="AP75" s="418"/>
      <c r="AQ75" s="418"/>
      <c r="AR75" s="418"/>
      <c r="AS75" s="418"/>
      <c r="AT75" s="418"/>
      <c r="AU75" s="418"/>
      <c r="AV75" s="418"/>
      <c r="AW75" s="418"/>
      <c r="AX75" s="418"/>
      <c r="AY75" s="418"/>
      <c r="AZ75" s="418"/>
      <c r="BA75" s="418"/>
      <c r="BB75" s="418"/>
      <c r="BC75" s="418"/>
      <c r="BD75" s="418"/>
      <c r="BE75" s="418"/>
      <c r="BF75" s="418"/>
      <c r="BG75" s="418"/>
      <c r="BH75" s="418"/>
      <c r="BI75" s="412"/>
    </row>
    <row r="76" spans="1:61" ht="13.5" customHeight="1">
      <c r="A76" s="417"/>
      <c r="B76" s="405"/>
      <c r="C76" s="405"/>
      <c r="D76" s="405"/>
      <c r="E76" s="405"/>
      <c r="F76" s="405"/>
      <c r="G76" s="412"/>
      <c r="H76" s="390"/>
      <c r="I76" s="391"/>
      <c r="J76" s="391"/>
      <c r="K76" s="391"/>
      <c r="L76" s="391"/>
      <c r="M76" s="391"/>
      <c r="N76" s="391"/>
      <c r="O76" s="391"/>
      <c r="P76" s="391"/>
      <c r="Q76" s="391"/>
      <c r="R76" s="391"/>
      <c r="S76" s="391"/>
      <c r="T76" s="391"/>
      <c r="U76" s="391"/>
      <c r="V76" s="391"/>
      <c r="W76" s="391"/>
      <c r="X76" s="390"/>
      <c r="Y76" s="405"/>
      <c r="Z76" s="405"/>
      <c r="AA76" s="405"/>
      <c r="AB76" s="405"/>
      <c r="AC76" s="405"/>
      <c r="AD76" s="405"/>
      <c r="AE76" s="405"/>
      <c r="AF76" s="405"/>
      <c r="AG76" s="405"/>
      <c r="AH76" s="405"/>
      <c r="AI76" s="405"/>
      <c r="AJ76" s="405"/>
      <c r="AK76" s="405"/>
      <c r="AL76" s="405"/>
      <c r="AM76" s="405"/>
      <c r="AN76" s="405"/>
      <c r="AO76" s="405"/>
      <c r="AP76" s="405"/>
      <c r="AQ76" s="405"/>
      <c r="AR76" s="405"/>
      <c r="AS76" s="405"/>
      <c r="AT76" s="405"/>
      <c r="AU76" s="405"/>
      <c r="AV76" s="405"/>
      <c r="AW76" s="405"/>
      <c r="AX76" s="405"/>
      <c r="AY76" s="405"/>
      <c r="AZ76" s="405"/>
      <c r="BA76" s="405"/>
      <c r="BB76" s="405"/>
      <c r="BC76" s="405"/>
      <c r="BD76" s="405"/>
      <c r="BE76" s="405"/>
      <c r="BF76" s="405"/>
      <c r="BG76" s="405"/>
      <c r="BH76" s="405"/>
      <c r="BI76" s="412"/>
    </row>
    <row r="77" spans="1:61" ht="13.5" customHeight="1">
      <c r="A77" s="414"/>
      <c r="B77" s="415"/>
      <c r="C77" s="415"/>
      <c r="D77" s="415"/>
      <c r="E77" s="415"/>
      <c r="F77" s="415"/>
      <c r="G77" s="415"/>
      <c r="H77" s="399"/>
      <c r="I77" s="400"/>
      <c r="J77" s="400"/>
      <c r="K77" s="400"/>
      <c r="L77" s="400"/>
      <c r="M77" s="400"/>
      <c r="N77" s="400"/>
      <c r="O77" s="400"/>
      <c r="P77" s="400"/>
      <c r="Q77" s="400"/>
      <c r="R77" s="400"/>
      <c r="S77" s="400"/>
      <c r="T77" s="400"/>
      <c r="U77" s="400"/>
      <c r="V77" s="400"/>
      <c r="W77" s="401"/>
      <c r="X77" s="400"/>
      <c r="Y77" s="415"/>
      <c r="Z77" s="415"/>
      <c r="AA77" s="415"/>
      <c r="AB77" s="415"/>
      <c r="AC77" s="415"/>
      <c r="AD77" s="415"/>
      <c r="AE77" s="415"/>
      <c r="AF77" s="415"/>
      <c r="AG77" s="415"/>
      <c r="AH77" s="415"/>
      <c r="AI77" s="415"/>
      <c r="AJ77" s="415"/>
      <c r="AK77" s="415"/>
      <c r="AL77" s="415"/>
      <c r="AM77" s="415"/>
      <c r="AN77" s="415"/>
      <c r="AO77" s="415"/>
      <c r="AP77" s="415"/>
      <c r="AQ77" s="415"/>
      <c r="AR77" s="415"/>
      <c r="AS77" s="415"/>
      <c r="AT77" s="415"/>
      <c r="AU77" s="415"/>
      <c r="AV77" s="415"/>
      <c r="AW77" s="415"/>
      <c r="AX77" s="415"/>
      <c r="AY77" s="415"/>
      <c r="AZ77" s="415"/>
      <c r="BA77" s="415"/>
      <c r="BB77" s="415"/>
      <c r="BC77" s="415"/>
      <c r="BD77" s="415"/>
      <c r="BE77" s="415"/>
      <c r="BF77" s="415"/>
      <c r="BG77" s="415"/>
      <c r="BH77" s="415"/>
      <c r="BI77" s="416"/>
    </row>
    <row r="78" spans="1:61" ht="13.5" customHeight="1">
      <c r="A78" s="405"/>
      <c r="B78" s="405"/>
      <c r="C78" s="405"/>
      <c r="D78" s="405"/>
      <c r="E78" s="405"/>
      <c r="F78" s="405"/>
      <c r="G78" s="405"/>
      <c r="H78" s="391"/>
      <c r="I78" s="391"/>
      <c r="J78" s="391"/>
      <c r="K78" s="391"/>
      <c r="L78" s="391"/>
      <c r="M78" s="391"/>
      <c r="N78" s="391"/>
      <c r="O78" s="391"/>
      <c r="P78" s="391"/>
      <c r="Q78" s="391"/>
      <c r="R78" s="391"/>
      <c r="S78" s="391"/>
      <c r="T78" s="391"/>
      <c r="U78" s="391"/>
      <c r="V78" s="391"/>
      <c r="W78" s="391"/>
      <c r="X78" s="391"/>
      <c r="Y78" s="405"/>
      <c r="Z78" s="405"/>
      <c r="AA78" s="405"/>
      <c r="AB78" s="405"/>
      <c r="AC78" s="405"/>
      <c r="AD78" s="405"/>
      <c r="AE78" s="405"/>
      <c r="AF78" s="405"/>
      <c r="AG78" s="405"/>
      <c r="AH78" s="405"/>
      <c r="AI78" s="405"/>
      <c r="AJ78" s="405"/>
      <c r="AK78" s="405"/>
      <c r="AL78" s="405"/>
      <c r="AM78" s="405"/>
      <c r="AN78" s="405"/>
      <c r="AO78" s="405"/>
      <c r="AP78" s="405"/>
      <c r="AQ78" s="405"/>
      <c r="AR78" s="405"/>
      <c r="AS78" s="405"/>
      <c r="AT78" s="405"/>
      <c r="AU78" s="405"/>
      <c r="AV78" s="405"/>
      <c r="AW78" s="405"/>
      <c r="AX78" s="405"/>
      <c r="AY78" s="405"/>
      <c r="AZ78" s="405"/>
      <c r="BA78" s="405"/>
      <c r="BB78" s="405"/>
      <c r="BC78" s="405"/>
      <c r="BD78" s="405"/>
      <c r="BE78" s="405"/>
      <c r="BF78" s="405"/>
      <c r="BG78" s="405"/>
      <c r="BH78" s="405"/>
      <c r="BI78" s="405"/>
    </row>
    <row r="79" spans="1:61" ht="13.5" customHeight="1">
      <c r="A79" s="405"/>
      <c r="B79" s="405"/>
      <c r="C79" s="405"/>
      <c r="D79" s="405"/>
      <c r="E79" s="405"/>
      <c r="F79" s="405"/>
      <c r="G79" s="405"/>
      <c r="H79" s="391"/>
      <c r="I79" s="391"/>
      <c r="J79" s="391"/>
      <c r="K79" s="391"/>
      <c r="L79" s="391"/>
      <c r="M79" s="391"/>
      <c r="N79" s="391"/>
      <c r="O79" s="391"/>
      <c r="P79" s="391"/>
      <c r="Q79" s="391"/>
      <c r="R79" s="391"/>
      <c r="S79" s="391"/>
      <c r="T79" s="391"/>
      <c r="U79" s="391"/>
      <c r="V79" s="391"/>
      <c r="W79" s="391"/>
      <c r="X79" s="391"/>
      <c r="Y79" s="405"/>
      <c r="Z79" s="405"/>
      <c r="AA79" s="405"/>
      <c r="AB79" s="405"/>
      <c r="AC79" s="405"/>
      <c r="AD79" s="405"/>
      <c r="AE79" s="405"/>
      <c r="AF79" s="405"/>
      <c r="AG79" s="405"/>
      <c r="AH79" s="405"/>
      <c r="AI79" s="405"/>
      <c r="AJ79" s="405"/>
      <c r="AK79" s="405"/>
      <c r="AL79" s="405"/>
      <c r="AM79" s="405"/>
      <c r="AN79" s="405"/>
      <c r="AO79" s="405"/>
      <c r="AP79" s="405"/>
      <c r="AQ79" s="405"/>
      <c r="AR79" s="405"/>
      <c r="AS79" s="405"/>
      <c r="AT79" s="405"/>
      <c r="AU79" s="405"/>
      <c r="AV79" s="405"/>
      <c r="AW79" s="405"/>
      <c r="AX79" s="405"/>
      <c r="AY79" s="405"/>
      <c r="AZ79" s="405"/>
      <c r="BA79" s="405"/>
      <c r="BB79" s="405"/>
      <c r="BC79" s="405"/>
      <c r="BD79" s="405"/>
      <c r="BE79" s="405"/>
      <c r="BF79" s="405"/>
      <c r="BG79" s="405"/>
      <c r="BH79" s="405"/>
      <c r="BI79" s="405"/>
    </row>
    <row r="80" spans="1:61" ht="13.5" customHeight="1">
      <c r="A80" s="405"/>
      <c r="B80" s="405"/>
      <c r="C80" s="405"/>
      <c r="D80" s="405"/>
      <c r="E80" s="405"/>
      <c r="F80" s="405"/>
      <c r="G80" s="405"/>
      <c r="H80" s="391"/>
      <c r="I80" s="391"/>
      <c r="J80" s="391"/>
      <c r="K80" s="391"/>
      <c r="L80" s="391"/>
      <c r="M80" s="391"/>
      <c r="N80" s="391"/>
      <c r="O80" s="391"/>
      <c r="P80" s="391"/>
      <c r="Q80" s="391"/>
      <c r="R80" s="391"/>
      <c r="S80" s="391"/>
      <c r="T80" s="391"/>
      <c r="U80" s="391"/>
      <c r="V80" s="391"/>
      <c r="W80" s="391"/>
      <c r="X80" s="391"/>
      <c r="Y80" s="405"/>
      <c r="Z80" s="405"/>
      <c r="AA80" s="405"/>
      <c r="AB80" s="405"/>
      <c r="AC80" s="405"/>
      <c r="AD80" s="405"/>
      <c r="AE80" s="405"/>
      <c r="AF80" s="405"/>
      <c r="AG80" s="405"/>
      <c r="AH80" s="405"/>
      <c r="AI80" s="405"/>
      <c r="AJ80" s="405"/>
      <c r="AK80" s="405"/>
      <c r="AL80" s="405"/>
      <c r="AM80" s="405"/>
      <c r="AN80" s="405"/>
      <c r="AO80" s="405"/>
      <c r="AP80" s="405"/>
      <c r="AQ80" s="405"/>
      <c r="AR80" s="405"/>
      <c r="AS80" s="405"/>
      <c r="AT80" s="405"/>
      <c r="AU80" s="405"/>
      <c r="AV80" s="405"/>
      <c r="AW80" s="405"/>
      <c r="AX80" s="405"/>
      <c r="AY80" s="405"/>
      <c r="AZ80" s="405"/>
      <c r="BA80" s="405"/>
      <c r="BB80" s="405"/>
      <c r="BC80" s="405"/>
      <c r="BD80" s="405"/>
      <c r="BE80" s="405"/>
      <c r="BF80" s="405"/>
      <c r="BG80" s="405"/>
      <c r="BH80" s="405"/>
      <c r="BI80" s="405"/>
    </row>
    <row r="81" spans="1:61" ht="13.5" customHeight="1">
      <c r="A81" s="405"/>
      <c r="B81" s="405"/>
      <c r="C81" s="405"/>
      <c r="D81" s="405"/>
      <c r="E81" s="405"/>
      <c r="F81" s="405"/>
      <c r="G81" s="405"/>
      <c r="H81" s="391"/>
      <c r="I81" s="391"/>
      <c r="J81" s="391"/>
      <c r="K81" s="391"/>
      <c r="L81" s="391"/>
      <c r="M81" s="391"/>
      <c r="N81" s="391"/>
      <c r="O81" s="391"/>
      <c r="P81" s="391"/>
      <c r="Q81" s="391"/>
      <c r="R81" s="391"/>
      <c r="S81" s="391"/>
      <c r="T81" s="391"/>
      <c r="U81" s="391"/>
      <c r="V81" s="391"/>
      <c r="W81" s="391"/>
      <c r="X81" s="391"/>
      <c r="Y81" s="405"/>
      <c r="Z81" s="405"/>
      <c r="AA81" s="405"/>
      <c r="AB81" s="405"/>
      <c r="AC81" s="405"/>
      <c r="AD81" s="405"/>
      <c r="AE81" s="405"/>
      <c r="AF81" s="405"/>
      <c r="AG81" s="405"/>
      <c r="AH81" s="405"/>
      <c r="AI81" s="405"/>
      <c r="AJ81" s="405"/>
      <c r="AK81" s="405"/>
      <c r="AL81" s="405"/>
      <c r="AM81" s="405"/>
      <c r="AN81" s="405"/>
      <c r="AO81" s="405"/>
      <c r="AP81" s="405"/>
      <c r="AQ81" s="405"/>
      <c r="AR81" s="405"/>
      <c r="AS81" s="405"/>
      <c r="AT81" s="405"/>
      <c r="AU81" s="405"/>
      <c r="AV81" s="405"/>
      <c r="AW81" s="405"/>
      <c r="AX81" s="405"/>
      <c r="AY81" s="405"/>
      <c r="AZ81" s="405"/>
      <c r="BA81" s="405"/>
      <c r="BB81" s="405"/>
      <c r="BC81" s="405"/>
      <c r="BD81" s="405"/>
      <c r="BE81" s="405"/>
      <c r="BF81" s="405"/>
      <c r="BG81" s="405"/>
      <c r="BH81" s="405"/>
      <c r="BI81" s="405"/>
    </row>
    <row r="82" spans="1:61" ht="13.5" customHeight="1">
      <c r="A82" s="488" t="s">
        <v>241</v>
      </c>
      <c r="B82" s="479"/>
      <c r="C82" s="479"/>
      <c r="D82" s="479"/>
      <c r="E82" s="479"/>
      <c r="F82" s="479"/>
      <c r="G82" s="480"/>
      <c r="H82" s="419"/>
      <c r="I82" s="420" t="s">
        <v>242</v>
      </c>
      <c r="J82" s="420"/>
      <c r="K82" s="420"/>
      <c r="L82" s="420"/>
      <c r="M82" s="421"/>
      <c r="N82" s="385"/>
      <c r="O82" s="385"/>
      <c r="P82" s="385"/>
      <c r="Q82" s="385"/>
      <c r="R82" s="385"/>
      <c r="S82" s="385"/>
      <c r="T82" s="385"/>
      <c r="U82" s="385"/>
      <c r="V82" s="385"/>
      <c r="W82" s="386"/>
      <c r="X82" s="384"/>
      <c r="Y82" s="407" t="s">
        <v>243</v>
      </c>
      <c r="Z82" s="407"/>
      <c r="AA82" s="407"/>
      <c r="AB82" s="407"/>
      <c r="AC82" s="407"/>
      <c r="AD82" s="407"/>
      <c r="AE82" s="407" t="s">
        <v>244</v>
      </c>
      <c r="AF82" s="407"/>
      <c r="AG82" s="407"/>
      <c r="AH82" s="407"/>
      <c r="AI82" s="407" t="s">
        <v>245</v>
      </c>
      <c r="AJ82" s="407"/>
      <c r="AK82" s="492"/>
      <c r="AL82" s="492"/>
      <c r="AM82" s="407" t="s">
        <v>246</v>
      </c>
      <c r="AN82" s="407"/>
      <c r="AO82" s="407"/>
      <c r="AP82" s="407"/>
      <c r="AQ82" s="407"/>
      <c r="AR82" s="407"/>
      <c r="AS82" s="407"/>
      <c r="AT82" s="407"/>
      <c r="AU82" s="407"/>
      <c r="AV82" s="407"/>
      <c r="AW82" s="407"/>
      <c r="AX82" s="407"/>
      <c r="AY82" s="407"/>
      <c r="AZ82" s="407"/>
      <c r="BA82" s="407"/>
      <c r="BB82" s="407"/>
      <c r="BC82" s="407"/>
      <c r="BD82" s="407"/>
      <c r="BE82" s="407"/>
      <c r="BF82" s="407"/>
      <c r="BG82" s="407"/>
      <c r="BH82" s="407"/>
      <c r="BI82" s="409"/>
    </row>
    <row r="83" spans="1:61" ht="13.5" customHeight="1">
      <c r="A83" s="489"/>
      <c r="B83" s="490"/>
      <c r="C83" s="490"/>
      <c r="D83" s="490"/>
      <c r="E83" s="490"/>
      <c r="F83" s="490"/>
      <c r="G83" s="491"/>
      <c r="H83" s="422"/>
      <c r="I83" s="493" t="s">
        <v>247</v>
      </c>
      <c r="J83" s="493"/>
      <c r="K83" s="493"/>
      <c r="L83" s="493"/>
      <c r="M83" s="493"/>
      <c r="N83" s="493"/>
      <c r="O83" s="493"/>
      <c r="P83" s="493"/>
      <c r="Q83" s="493"/>
      <c r="R83" s="493"/>
      <c r="S83" s="493"/>
      <c r="T83" s="493"/>
      <c r="U83" s="493"/>
      <c r="V83" s="493"/>
      <c r="W83" s="494"/>
      <c r="X83" s="390"/>
      <c r="Y83" s="405"/>
      <c r="Z83" s="405" t="s">
        <v>248</v>
      </c>
      <c r="AA83" s="405"/>
      <c r="AB83" s="405"/>
      <c r="AC83" s="405"/>
      <c r="AD83" s="405"/>
      <c r="AE83" s="405" t="s">
        <v>106</v>
      </c>
      <c r="AF83" s="405"/>
      <c r="AG83" s="405"/>
      <c r="AH83" s="405" t="s">
        <v>223</v>
      </c>
      <c r="AI83" s="473" t="s">
        <v>249</v>
      </c>
      <c r="AJ83" s="481"/>
      <c r="AK83" s="481"/>
      <c r="AL83" s="481"/>
      <c r="AM83" s="481"/>
      <c r="AN83" s="481"/>
      <c r="AO83" s="481"/>
      <c r="AP83" s="481"/>
      <c r="AQ83" s="481"/>
      <c r="AR83" s="481"/>
      <c r="AS83" s="481"/>
      <c r="AT83" s="481"/>
      <c r="AU83" s="481"/>
      <c r="AV83" s="481"/>
      <c r="AW83" s="481"/>
      <c r="AX83" s="481"/>
      <c r="AY83" s="481"/>
      <c r="AZ83" s="481"/>
      <c r="BA83" s="481"/>
      <c r="BB83" s="481"/>
      <c r="BC83" s="481"/>
      <c r="BD83" s="405" t="s">
        <v>224</v>
      </c>
      <c r="BE83" s="405"/>
      <c r="BF83" s="405" t="s">
        <v>150</v>
      </c>
      <c r="BG83" s="405"/>
      <c r="BH83" s="405"/>
      <c r="BI83" s="412"/>
    </row>
    <row r="84" spans="1:61" ht="13.5" customHeight="1">
      <c r="A84" s="387"/>
      <c r="B84" s="388"/>
      <c r="C84" s="388"/>
      <c r="D84" s="388"/>
      <c r="E84" s="388"/>
      <c r="F84" s="388"/>
      <c r="G84" s="388"/>
      <c r="H84" s="422"/>
      <c r="I84" s="495"/>
      <c r="J84" s="495"/>
      <c r="K84" s="495"/>
      <c r="L84" s="495"/>
      <c r="M84" s="495"/>
      <c r="N84" s="495"/>
      <c r="O84" s="495"/>
      <c r="P84" s="495"/>
      <c r="Q84" s="495"/>
      <c r="R84" s="495"/>
      <c r="S84" s="495"/>
      <c r="T84" s="495"/>
      <c r="U84" s="495"/>
      <c r="V84" s="495"/>
      <c r="W84" s="496"/>
      <c r="X84" s="390"/>
      <c r="Y84" s="405" t="s">
        <v>250</v>
      </c>
      <c r="Z84" s="405"/>
      <c r="AA84" s="405"/>
      <c r="AB84" s="405"/>
      <c r="AC84" s="405"/>
      <c r="AD84" s="405"/>
      <c r="AE84" s="405"/>
      <c r="AF84" s="405"/>
      <c r="AG84" s="405"/>
      <c r="AH84" s="405"/>
      <c r="AI84" s="405"/>
      <c r="AJ84" s="405"/>
      <c r="AK84" s="405"/>
      <c r="AL84" s="405"/>
      <c r="AM84" s="405"/>
      <c r="AN84" s="405"/>
      <c r="AO84" s="405"/>
      <c r="AP84" s="405"/>
      <c r="AQ84" s="405"/>
      <c r="AR84" s="405"/>
      <c r="AS84" s="405"/>
      <c r="AT84" s="405"/>
      <c r="AU84" s="405"/>
      <c r="AV84" s="405"/>
      <c r="AW84" s="405"/>
      <c r="AX84" s="405"/>
      <c r="AY84" s="405"/>
      <c r="AZ84" s="405"/>
      <c r="BA84" s="405"/>
      <c r="BB84" s="405"/>
      <c r="BC84" s="405"/>
      <c r="BD84" s="405"/>
      <c r="BE84" s="405"/>
      <c r="BF84" s="405"/>
      <c r="BG84" s="405"/>
      <c r="BH84" s="405"/>
      <c r="BI84" s="412"/>
    </row>
    <row r="85" spans="1:61" ht="13.5" customHeight="1">
      <c r="A85" s="387"/>
      <c r="B85" s="388"/>
      <c r="C85" s="388"/>
      <c r="D85" s="388"/>
      <c r="E85" s="388"/>
      <c r="F85" s="388"/>
      <c r="G85" s="388"/>
      <c r="H85" s="422"/>
      <c r="I85" s="423"/>
      <c r="J85" s="423"/>
      <c r="K85" s="423"/>
      <c r="L85" s="423"/>
      <c r="M85" s="423"/>
      <c r="N85" s="423"/>
      <c r="O85" s="423"/>
      <c r="P85" s="423"/>
      <c r="Q85" s="423"/>
      <c r="R85" s="423"/>
      <c r="S85" s="423"/>
      <c r="T85" s="423"/>
      <c r="U85" s="423"/>
      <c r="V85" s="423"/>
      <c r="W85" s="424"/>
      <c r="X85" s="390"/>
      <c r="Y85" s="405"/>
      <c r="Z85" s="405" t="s">
        <v>251</v>
      </c>
      <c r="AA85" s="405"/>
      <c r="AB85" s="405"/>
      <c r="AC85" s="405"/>
      <c r="AD85" s="405"/>
      <c r="AE85" s="405" t="s">
        <v>106</v>
      </c>
      <c r="AF85" s="405"/>
      <c r="AG85" s="405"/>
      <c r="AH85" s="405" t="s">
        <v>223</v>
      </c>
      <c r="AI85" s="473"/>
      <c r="AJ85" s="473"/>
      <c r="AK85" s="473"/>
      <c r="AL85" s="473"/>
      <c r="AM85" s="473"/>
      <c r="AN85" s="473"/>
      <c r="AO85" s="473"/>
      <c r="AP85" s="473"/>
      <c r="AQ85" s="473"/>
      <c r="AR85" s="473"/>
      <c r="AS85" s="473"/>
      <c r="AT85" s="473"/>
      <c r="AU85" s="473"/>
      <c r="AV85" s="473"/>
      <c r="AW85" s="473"/>
      <c r="AX85" s="473"/>
      <c r="AY85" s="473"/>
      <c r="AZ85" s="473"/>
      <c r="BA85" s="473"/>
      <c r="BB85" s="473"/>
      <c r="BC85" s="473"/>
      <c r="BD85" s="473"/>
      <c r="BE85" s="473"/>
      <c r="BF85" s="473"/>
      <c r="BG85" s="473"/>
      <c r="BH85" s="473"/>
      <c r="BI85" s="412" t="s">
        <v>224</v>
      </c>
    </row>
    <row r="86" spans="1:61" ht="13.5" customHeight="1">
      <c r="A86" s="387"/>
      <c r="B86" s="388"/>
      <c r="C86" s="388"/>
      <c r="D86" s="388"/>
      <c r="E86" s="388"/>
      <c r="F86" s="388"/>
      <c r="G86" s="388"/>
      <c r="H86" s="425"/>
      <c r="I86" s="426" t="s">
        <v>252</v>
      </c>
      <c r="J86" s="426"/>
      <c r="K86" s="426"/>
      <c r="L86" s="426"/>
      <c r="M86" s="427"/>
      <c r="N86" s="391"/>
      <c r="O86" s="391"/>
      <c r="P86" s="391"/>
      <c r="Q86" s="391"/>
      <c r="R86" s="391"/>
      <c r="S86" s="391"/>
      <c r="T86" s="391"/>
      <c r="U86" s="391"/>
      <c r="V86" s="391"/>
      <c r="W86" s="392"/>
      <c r="X86" s="390"/>
      <c r="Y86" s="405"/>
      <c r="Z86" s="405"/>
      <c r="AA86" s="405"/>
      <c r="AB86" s="405"/>
      <c r="AC86" s="405"/>
      <c r="AD86" s="405"/>
      <c r="AE86" s="405"/>
      <c r="AF86" s="405"/>
      <c r="AG86" s="405"/>
      <c r="AH86" s="405"/>
      <c r="AI86" s="405"/>
      <c r="AJ86" s="405"/>
      <c r="AK86" s="405"/>
      <c r="AL86" s="405"/>
      <c r="AM86" s="405"/>
      <c r="AN86" s="405"/>
      <c r="AO86" s="405"/>
      <c r="AP86" s="405"/>
      <c r="AQ86" s="405"/>
      <c r="AR86" s="405"/>
      <c r="AS86" s="405"/>
      <c r="AT86" s="405"/>
      <c r="AU86" s="405"/>
      <c r="AV86" s="405"/>
      <c r="AW86" s="405"/>
      <c r="AX86" s="405"/>
      <c r="AY86" s="405"/>
      <c r="AZ86" s="405"/>
      <c r="BA86" s="405"/>
      <c r="BB86" s="405"/>
      <c r="BC86" s="405"/>
      <c r="BD86" s="405"/>
      <c r="BE86" s="405"/>
      <c r="BF86" s="405"/>
      <c r="BG86" s="405"/>
      <c r="BH86" s="405"/>
      <c r="BI86" s="412"/>
    </row>
    <row r="87" spans="1:61" ht="13.5" customHeight="1">
      <c r="A87" s="387"/>
      <c r="B87" s="388"/>
      <c r="C87" s="388"/>
      <c r="D87" s="388"/>
      <c r="E87" s="388"/>
      <c r="F87" s="388"/>
      <c r="G87" s="388"/>
      <c r="H87" s="425"/>
      <c r="I87" s="426" t="s">
        <v>253</v>
      </c>
      <c r="J87" s="426"/>
      <c r="K87" s="426"/>
      <c r="L87" s="426"/>
      <c r="M87" s="427"/>
      <c r="N87" s="391"/>
      <c r="O87" s="391"/>
      <c r="P87" s="391"/>
      <c r="Q87" s="391"/>
      <c r="R87" s="391"/>
      <c r="S87" s="391"/>
      <c r="T87" s="391"/>
      <c r="U87" s="391"/>
      <c r="V87" s="391"/>
      <c r="W87" s="392"/>
      <c r="X87" s="390"/>
      <c r="Y87" s="405" t="s">
        <v>254</v>
      </c>
      <c r="Z87" s="405"/>
      <c r="AA87" s="405"/>
      <c r="AB87" s="405"/>
      <c r="AC87" s="405"/>
      <c r="AD87" s="405"/>
      <c r="AE87" s="405"/>
      <c r="AF87" s="405"/>
      <c r="AG87" s="405"/>
      <c r="AH87" s="405"/>
      <c r="AI87" s="405"/>
      <c r="AJ87" s="405"/>
      <c r="AK87" s="405"/>
      <c r="AL87" s="405"/>
      <c r="AM87" s="405"/>
      <c r="AN87" s="405"/>
      <c r="AO87" s="405"/>
      <c r="AP87" s="405"/>
      <c r="AQ87" s="405"/>
      <c r="AR87" s="405"/>
      <c r="AS87" s="405"/>
      <c r="AT87" s="405"/>
      <c r="AU87" s="405"/>
      <c r="AV87" s="405"/>
      <c r="AW87" s="405"/>
      <c r="AX87" s="405"/>
      <c r="AY87" s="405"/>
      <c r="AZ87" s="405"/>
      <c r="BA87" s="405"/>
      <c r="BB87" s="405"/>
      <c r="BC87" s="405"/>
      <c r="BD87" s="405"/>
      <c r="BE87" s="405"/>
      <c r="BF87" s="405"/>
      <c r="BG87" s="405"/>
      <c r="BH87" s="405"/>
      <c r="BI87" s="412"/>
    </row>
    <row r="88" spans="1:61" ht="13.5" customHeight="1">
      <c r="A88" s="387"/>
      <c r="B88" s="388"/>
      <c r="C88" s="388"/>
      <c r="D88" s="388"/>
      <c r="E88" s="388"/>
      <c r="F88" s="388"/>
      <c r="G88" s="388"/>
      <c r="H88" s="425"/>
      <c r="I88" s="428"/>
      <c r="J88" s="428"/>
      <c r="K88" s="428"/>
      <c r="L88" s="428"/>
      <c r="M88" s="428"/>
      <c r="N88" s="391"/>
      <c r="O88" s="391"/>
      <c r="P88" s="391"/>
      <c r="Q88" s="391"/>
      <c r="R88" s="391"/>
      <c r="S88" s="391"/>
      <c r="T88" s="391"/>
      <c r="U88" s="391"/>
      <c r="V88" s="391"/>
      <c r="W88" s="392"/>
      <c r="X88" s="390"/>
      <c r="Y88" s="405"/>
      <c r="Z88" s="405" t="s">
        <v>255</v>
      </c>
      <c r="AA88" s="405"/>
      <c r="AB88" s="405"/>
      <c r="AC88" s="405"/>
      <c r="AD88" s="405" t="s">
        <v>256</v>
      </c>
      <c r="AE88" s="405"/>
      <c r="AF88" s="405"/>
      <c r="AG88" s="405"/>
      <c r="AH88" s="405" t="s">
        <v>257</v>
      </c>
      <c r="AI88" s="405"/>
      <c r="AJ88" s="405"/>
      <c r="AK88" s="405"/>
      <c r="AL88" s="405" t="s">
        <v>258</v>
      </c>
      <c r="AM88" s="405"/>
      <c r="AN88" s="405"/>
      <c r="AO88" s="405"/>
      <c r="AP88" s="405" t="s">
        <v>106</v>
      </c>
      <c r="AQ88" s="405"/>
      <c r="AR88" s="405"/>
      <c r="AS88" s="405" t="s">
        <v>259</v>
      </c>
      <c r="AT88" s="473" t="s">
        <v>355</v>
      </c>
      <c r="AU88" s="473"/>
      <c r="AV88" s="473"/>
      <c r="AW88" s="473"/>
      <c r="AX88" s="473"/>
      <c r="AY88" s="473"/>
      <c r="AZ88" s="473"/>
      <c r="BA88" s="473"/>
      <c r="BB88" s="473"/>
      <c r="BC88" s="473"/>
      <c r="BD88" s="473"/>
      <c r="BE88" s="473"/>
      <c r="BF88" s="473"/>
      <c r="BG88" s="473"/>
      <c r="BH88" s="473"/>
      <c r="BI88" s="412" t="s">
        <v>260</v>
      </c>
    </row>
    <row r="89" spans="1:61" ht="13.5" customHeight="1">
      <c r="A89" s="387"/>
      <c r="B89" s="388"/>
      <c r="C89" s="388"/>
      <c r="D89" s="388"/>
      <c r="E89" s="388"/>
      <c r="F89" s="388"/>
      <c r="G89" s="388"/>
      <c r="H89" s="425"/>
      <c r="I89" s="428"/>
      <c r="J89" s="428"/>
      <c r="K89" s="428"/>
      <c r="L89" s="428"/>
      <c r="M89" s="428"/>
      <c r="N89" s="391"/>
      <c r="O89" s="391"/>
      <c r="P89" s="391"/>
      <c r="Q89" s="391"/>
      <c r="R89" s="391"/>
      <c r="S89" s="391"/>
      <c r="T89" s="391"/>
      <c r="U89" s="391"/>
      <c r="V89" s="391"/>
      <c r="W89" s="392"/>
      <c r="X89" s="390"/>
      <c r="Y89" s="405" t="s">
        <v>261</v>
      </c>
      <c r="Z89" s="405"/>
      <c r="AA89" s="405"/>
      <c r="AB89" s="405"/>
      <c r="AC89" s="405"/>
      <c r="AD89" s="405"/>
      <c r="AE89" s="405"/>
      <c r="AF89" s="405"/>
      <c r="AG89" s="405"/>
      <c r="AH89" s="405" t="s">
        <v>244</v>
      </c>
      <c r="AI89" s="405"/>
      <c r="AJ89" s="405"/>
      <c r="AK89" s="405"/>
      <c r="AL89" s="405" t="s">
        <v>262</v>
      </c>
      <c r="AM89" s="405"/>
      <c r="AN89" s="473"/>
      <c r="AO89" s="473"/>
      <c r="AP89" s="405" t="s">
        <v>263</v>
      </c>
      <c r="AQ89" s="405"/>
      <c r="AR89" s="405"/>
      <c r="AS89" s="405"/>
      <c r="AT89" s="405"/>
      <c r="AU89" s="405"/>
      <c r="AV89" s="405"/>
      <c r="AW89" s="405"/>
      <c r="AX89" s="405"/>
      <c r="AY89" s="405"/>
      <c r="AZ89" s="405"/>
      <c r="BA89" s="405"/>
      <c r="BB89" s="405"/>
      <c r="BC89" s="405"/>
      <c r="BD89" s="405"/>
      <c r="BE89" s="405"/>
      <c r="BF89" s="405"/>
      <c r="BG89" s="405"/>
      <c r="BH89" s="405"/>
      <c r="BI89" s="412"/>
    </row>
    <row r="90" spans="1:61" ht="13.5" customHeight="1">
      <c r="A90" s="387"/>
      <c r="B90" s="388"/>
      <c r="C90" s="388"/>
      <c r="D90" s="388"/>
      <c r="E90" s="388"/>
      <c r="F90" s="388"/>
      <c r="G90" s="388"/>
      <c r="H90" s="425"/>
      <c r="I90" s="428"/>
      <c r="J90" s="428"/>
      <c r="K90" s="428"/>
      <c r="L90" s="428"/>
      <c r="M90" s="428"/>
      <c r="N90" s="391"/>
      <c r="O90" s="391"/>
      <c r="P90" s="391"/>
      <c r="Q90" s="391"/>
      <c r="R90" s="391"/>
      <c r="S90" s="391"/>
      <c r="T90" s="391"/>
      <c r="U90" s="391"/>
      <c r="V90" s="391"/>
      <c r="W90" s="392"/>
      <c r="X90" s="390"/>
      <c r="Y90" s="405"/>
      <c r="Z90" s="405" t="s">
        <v>264</v>
      </c>
      <c r="AA90" s="405"/>
      <c r="AB90" s="405"/>
      <c r="AC90" s="405"/>
      <c r="AD90" s="405"/>
      <c r="AE90" s="405" t="s">
        <v>259</v>
      </c>
      <c r="AF90" s="473"/>
      <c r="AG90" s="473"/>
      <c r="AH90" s="473"/>
      <c r="AI90" s="473"/>
      <c r="AJ90" s="473"/>
      <c r="AK90" s="473"/>
      <c r="AL90" s="405" t="s">
        <v>260</v>
      </c>
      <c r="AM90" s="405"/>
      <c r="AN90" s="405" t="s">
        <v>265</v>
      </c>
      <c r="AO90" s="405"/>
      <c r="AP90" s="405"/>
      <c r="AQ90" s="405"/>
      <c r="AR90" s="405"/>
      <c r="AS90" s="405" t="s">
        <v>259</v>
      </c>
      <c r="AT90" s="473"/>
      <c r="AU90" s="473"/>
      <c r="AV90" s="473"/>
      <c r="AW90" s="473"/>
      <c r="AX90" s="473"/>
      <c r="AY90" s="473"/>
      <c r="AZ90" s="473"/>
      <c r="BA90" s="473"/>
      <c r="BB90" s="405" t="s">
        <v>260</v>
      </c>
      <c r="BC90" s="405"/>
      <c r="BD90" s="405"/>
      <c r="BE90" s="405"/>
      <c r="BF90" s="405" t="s">
        <v>150</v>
      </c>
      <c r="BG90" s="405"/>
      <c r="BH90" s="405"/>
      <c r="BI90" s="412"/>
    </row>
    <row r="91" spans="1:61" ht="13.5" customHeight="1">
      <c r="A91" s="387"/>
      <c r="B91" s="388"/>
      <c r="C91" s="388"/>
      <c r="D91" s="388"/>
      <c r="E91" s="388"/>
      <c r="F91" s="388"/>
      <c r="G91" s="388"/>
      <c r="H91" s="425"/>
      <c r="I91" s="429"/>
      <c r="J91" s="429"/>
      <c r="K91" s="426"/>
      <c r="L91" s="426"/>
      <c r="M91" s="428"/>
      <c r="N91" s="391"/>
      <c r="O91" s="391"/>
      <c r="P91" s="391"/>
      <c r="Q91" s="391"/>
      <c r="R91" s="391"/>
      <c r="S91" s="391"/>
      <c r="T91" s="391"/>
      <c r="U91" s="391"/>
      <c r="V91" s="391"/>
      <c r="W91" s="392"/>
      <c r="X91" s="390"/>
      <c r="Y91" s="405"/>
      <c r="Z91" s="405" t="s">
        <v>106</v>
      </c>
      <c r="AA91" s="405"/>
      <c r="AB91" s="405"/>
      <c r="AC91" s="405" t="s">
        <v>259</v>
      </c>
      <c r="AD91" s="473"/>
      <c r="AE91" s="473"/>
      <c r="AF91" s="473"/>
      <c r="AG91" s="473"/>
      <c r="AH91" s="473"/>
      <c r="AI91" s="473"/>
      <c r="AJ91" s="473"/>
      <c r="AK91" s="473"/>
      <c r="AL91" s="405" t="s">
        <v>260</v>
      </c>
      <c r="AM91" s="405"/>
      <c r="AN91" s="405"/>
      <c r="AO91" s="405"/>
      <c r="AP91" s="405"/>
      <c r="AQ91" s="405"/>
      <c r="AR91" s="405"/>
      <c r="AS91" s="405"/>
      <c r="AT91" s="405"/>
      <c r="AU91" s="405"/>
      <c r="AV91" s="405"/>
      <c r="AW91" s="405"/>
      <c r="AX91" s="405"/>
      <c r="AY91" s="405"/>
      <c r="AZ91" s="405"/>
      <c r="BA91" s="405"/>
      <c r="BB91" s="405"/>
      <c r="BC91" s="405"/>
      <c r="BD91" s="405"/>
      <c r="BE91" s="405"/>
      <c r="BF91" s="405" t="s">
        <v>266</v>
      </c>
      <c r="BG91" s="405"/>
      <c r="BH91" s="405"/>
      <c r="BI91" s="412"/>
    </row>
    <row r="92" spans="1:61" ht="13.5" customHeight="1">
      <c r="A92" s="387"/>
      <c r="B92" s="388"/>
      <c r="C92" s="388"/>
      <c r="D92" s="388"/>
      <c r="E92" s="388"/>
      <c r="F92" s="388"/>
      <c r="G92" s="388"/>
      <c r="H92" s="425"/>
      <c r="I92" s="429"/>
      <c r="J92" s="429"/>
      <c r="K92" s="429"/>
      <c r="L92" s="429"/>
      <c r="M92" s="430"/>
      <c r="N92" s="431"/>
      <c r="O92" s="431"/>
      <c r="P92" s="431"/>
      <c r="Q92" s="431"/>
      <c r="R92" s="431"/>
      <c r="S92" s="431"/>
      <c r="T92" s="431"/>
      <c r="U92" s="431"/>
      <c r="V92" s="431"/>
      <c r="W92" s="392"/>
      <c r="X92" s="390"/>
      <c r="Y92" s="405" t="s">
        <v>267</v>
      </c>
      <c r="Z92" s="405"/>
      <c r="AA92" s="405"/>
      <c r="AB92" s="405"/>
      <c r="AC92" s="405"/>
      <c r="AD92" s="405"/>
      <c r="AE92" s="405"/>
      <c r="AF92" s="405"/>
      <c r="AG92" s="405"/>
      <c r="AH92" s="405"/>
      <c r="AI92" s="405"/>
      <c r="AJ92" s="405"/>
      <c r="AK92" s="405"/>
      <c r="AL92" s="405"/>
      <c r="AM92" s="405"/>
      <c r="AN92" s="405"/>
      <c r="AO92" s="405"/>
      <c r="AP92" s="405"/>
      <c r="AQ92" s="405"/>
      <c r="AR92" s="405"/>
      <c r="AS92" s="405"/>
      <c r="AT92" s="405"/>
      <c r="AU92" s="405"/>
      <c r="AV92" s="405"/>
      <c r="AW92" s="405"/>
      <c r="AX92" s="405"/>
      <c r="AY92" s="405"/>
      <c r="AZ92" s="405"/>
      <c r="BA92" s="405"/>
      <c r="BB92" s="405"/>
      <c r="BC92" s="405"/>
      <c r="BD92" s="405"/>
      <c r="BE92" s="405"/>
      <c r="BF92" s="405"/>
      <c r="BG92" s="405"/>
      <c r="BH92" s="405"/>
      <c r="BI92" s="412"/>
    </row>
    <row r="93" spans="1:61" ht="13.5" customHeight="1">
      <c r="A93" s="387"/>
      <c r="B93" s="388"/>
      <c r="C93" s="388"/>
      <c r="D93" s="388"/>
      <c r="E93" s="388"/>
      <c r="F93" s="388"/>
      <c r="G93" s="388"/>
      <c r="H93" s="425"/>
      <c r="I93" s="429"/>
      <c r="J93" s="429"/>
      <c r="K93" s="429"/>
      <c r="L93" s="429"/>
      <c r="M93" s="430"/>
      <c r="N93" s="431"/>
      <c r="O93" s="431"/>
      <c r="P93" s="431"/>
      <c r="Q93" s="431"/>
      <c r="R93" s="431"/>
      <c r="S93" s="431"/>
      <c r="T93" s="431"/>
      <c r="U93" s="431"/>
      <c r="V93" s="431"/>
      <c r="W93" s="392"/>
      <c r="X93" s="390"/>
      <c r="Y93" s="405"/>
      <c r="Z93" s="405" t="s">
        <v>268</v>
      </c>
      <c r="AA93" s="405"/>
      <c r="AB93" s="405"/>
      <c r="AC93" s="405" t="s">
        <v>259</v>
      </c>
      <c r="AD93" s="405"/>
      <c r="AE93" s="405" t="s">
        <v>269</v>
      </c>
      <c r="AF93" s="405"/>
      <c r="AG93" s="405"/>
      <c r="AH93" s="405"/>
      <c r="AI93" s="405" t="s">
        <v>251</v>
      </c>
      <c r="AJ93" s="405"/>
      <c r="AK93" s="405"/>
      <c r="AL93" s="405"/>
      <c r="AM93" s="405"/>
      <c r="AN93" s="405" t="s">
        <v>270</v>
      </c>
      <c r="AO93" s="405"/>
      <c r="AP93" s="405"/>
      <c r="AQ93" s="405" t="s">
        <v>260</v>
      </c>
      <c r="AR93" s="405"/>
      <c r="AS93" s="405" t="s">
        <v>106</v>
      </c>
      <c r="AT93" s="405"/>
      <c r="AU93" s="405"/>
      <c r="AV93" s="405" t="s">
        <v>259</v>
      </c>
      <c r="AW93" s="473"/>
      <c r="AX93" s="473"/>
      <c r="AY93" s="473"/>
      <c r="AZ93" s="473"/>
      <c r="BA93" s="473"/>
      <c r="BB93" s="473"/>
      <c r="BC93" s="473"/>
      <c r="BD93" s="405" t="s">
        <v>260</v>
      </c>
      <c r="BE93" s="405"/>
      <c r="BF93" s="405" t="s">
        <v>150</v>
      </c>
      <c r="BG93" s="405"/>
      <c r="BH93" s="405"/>
      <c r="BI93" s="412"/>
    </row>
    <row r="94" spans="1:61" ht="13.5" customHeight="1">
      <c r="A94" s="387"/>
      <c r="B94" s="388"/>
      <c r="C94" s="388"/>
      <c r="D94" s="388"/>
      <c r="E94" s="388"/>
      <c r="F94" s="388"/>
      <c r="G94" s="388"/>
      <c r="H94" s="425"/>
      <c r="I94" s="429" t="s">
        <v>271</v>
      </c>
      <c r="J94" s="429"/>
      <c r="K94" s="426"/>
      <c r="L94" s="426"/>
      <c r="M94" s="428"/>
      <c r="N94" s="391"/>
      <c r="O94" s="391"/>
      <c r="P94" s="391"/>
      <c r="Q94" s="391"/>
      <c r="R94" s="391"/>
      <c r="S94" s="391"/>
      <c r="T94" s="391"/>
      <c r="U94" s="391"/>
      <c r="V94" s="391"/>
      <c r="W94" s="392"/>
      <c r="X94" s="390"/>
      <c r="Y94" s="405" t="s">
        <v>272</v>
      </c>
      <c r="Z94" s="405"/>
      <c r="AA94" s="405"/>
      <c r="AB94" s="405"/>
      <c r="AC94" s="405"/>
      <c r="AD94" s="405"/>
      <c r="AE94" s="405"/>
      <c r="AF94" s="405" t="s">
        <v>259</v>
      </c>
      <c r="AG94" s="473"/>
      <c r="AH94" s="473"/>
      <c r="AI94" s="473"/>
      <c r="AJ94" s="473"/>
      <c r="AK94" s="473"/>
      <c r="AL94" s="473"/>
      <c r="AM94" s="473"/>
      <c r="AN94" s="473"/>
      <c r="AO94" s="473"/>
      <c r="AP94" s="473"/>
      <c r="AQ94" s="473"/>
      <c r="AR94" s="473"/>
      <c r="AS94" s="473"/>
      <c r="AT94" s="473"/>
      <c r="AU94" s="473"/>
      <c r="AV94" s="473"/>
      <c r="AW94" s="473"/>
      <c r="AX94" s="473"/>
      <c r="AY94" s="473"/>
      <c r="AZ94" s="473"/>
      <c r="BA94" s="473"/>
      <c r="BB94" s="473"/>
      <c r="BC94" s="473"/>
      <c r="BD94" s="473"/>
      <c r="BE94" s="473"/>
      <c r="BF94" s="473"/>
      <c r="BG94" s="473"/>
      <c r="BH94" s="473"/>
      <c r="BI94" s="412" t="s">
        <v>260</v>
      </c>
    </row>
    <row r="95" spans="1:61" ht="13.5" customHeight="1">
      <c r="A95" s="387"/>
      <c r="B95" s="388"/>
      <c r="C95" s="388"/>
      <c r="D95" s="388"/>
      <c r="E95" s="388"/>
      <c r="F95" s="388"/>
      <c r="G95" s="388"/>
      <c r="H95" s="390"/>
      <c r="I95" s="429" t="s">
        <v>106</v>
      </c>
      <c r="J95" s="429"/>
      <c r="K95" s="429"/>
      <c r="L95" s="429" t="s">
        <v>273</v>
      </c>
      <c r="M95" s="504" t="s">
        <v>274</v>
      </c>
      <c r="N95" s="505"/>
      <c r="O95" s="505"/>
      <c r="P95" s="505"/>
      <c r="Q95" s="505"/>
      <c r="R95" s="505"/>
      <c r="S95" s="505"/>
      <c r="T95" s="505"/>
      <c r="U95" s="505"/>
      <c r="V95" s="505"/>
      <c r="W95" s="392" t="s">
        <v>275</v>
      </c>
      <c r="X95" s="390"/>
      <c r="Y95" s="405" t="s">
        <v>106</v>
      </c>
      <c r="Z95" s="405"/>
      <c r="AA95" s="405"/>
      <c r="AB95" s="405" t="s">
        <v>259</v>
      </c>
      <c r="AC95" s="473"/>
      <c r="AD95" s="473"/>
      <c r="AE95" s="473"/>
      <c r="AF95" s="473"/>
      <c r="AG95" s="473"/>
      <c r="AH95" s="473"/>
      <c r="AI95" s="473"/>
      <c r="AJ95" s="473"/>
      <c r="AK95" s="473"/>
      <c r="AL95" s="473"/>
      <c r="AM95" s="473"/>
      <c r="AN95" s="473"/>
      <c r="AO95" s="473"/>
      <c r="AP95" s="473"/>
      <c r="AQ95" s="473"/>
      <c r="AR95" s="473"/>
      <c r="AS95" s="473"/>
      <c r="AT95" s="473"/>
      <c r="AU95" s="473"/>
      <c r="AV95" s="473"/>
      <c r="AW95" s="473"/>
      <c r="AX95" s="473"/>
      <c r="AY95" s="473"/>
      <c r="AZ95" s="473"/>
      <c r="BA95" s="473"/>
      <c r="BB95" s="473"/>
      <c r="BC95" s="473"/>
      <c r="BD95" s="473"/>
      <c r="BE95" s="473"/>
      <c r="BF95" s="473"/>
      <c r="BG95" s="473"/>
      <c r="BH95" s="473"/>
      <c r="BI95" s="412" t="s">
        <v>260</v>
      </c>
    </row>
    <row r="96" spans="1:61" ht="13.5" customHeight="1">
      <c r="A96" s="387"/>
      <c r="B96" s="388"/>
      <c r="C96" s="388"/>
      <c r="D96" s="388"/>
      <c r="E96" s="388"/>
      <c r="F96" s="388"/>
      <c r="G96" s="388"/>
      <c r="H96" s="390"/>
      <c r="I96" s="429"/>
      <c r="J96" s="429"/>
      <c r="K96" s="429"/>
      <c r="L96" s="429"/>
      <c r="M96" s="432"/>
      <c r="N96" s="433"/>
      <c r="O96" s="433"/>
      <c r="P96" s="433"/>
      <c r="Q96" s="433"/>
      <c r="R96" s="433"/>
      <c r="S96" s="433"/>
      <c r="T96" s="433"/>
      <c r="U96" s="433"/>
      <c r="V96" s="433"/>
      <c r="W96" s="392"/>
      <c r="X96" s="390"/>
      <c r="Y96" s="405"/>
      <c r="Z96" s="405"/>
      <c r="AA96" s="405"/>
      <c r="AB96" s="405"/>
      <c r="AC96" s="418"/>
      <c r="AD96" s="418"/>
      <c r="AE96" s="418"/>
      <c r="AF96" s="418"/>
      <c r="AG96" s="418"/>
      <c r="AH96" s="418"/>
      <c r="AI96" s="418"/>
      <c r="AJ96" s="418"/>
      <c r="AK96" s="418"/>
      <c r="AL96" s="418"/>
      <c r="AM96" s="418"/>
      <c r="AN96" s="418"/>
      <c r="AO96" s="418"/>
      <c r="AP96" s="418"/>
      <c r="AQ96" s="418"/>
      <c r="AR96" s="418"/>
      <c r="AS96" s="418"/>
      <c r="AT96" s="418"/>
      <c r="AU96" s="418"/>
      <c r="AV96" s="418"/>
      <c r="AW96" s="418"/>
      <c r="AX96" s="418"/>
      <c r="AY96" s="418"/>
      <c r="AZ96" s="418"/>
      <c r="BA96" s="418"/>
      <c r="BB96" s="418"/>
      <c r="BC96" s="418"/>
      <c r="BD96" s="418"/>
      <c r="BE96" s="418"/>
      <c r="BF96" s="418"/>
      <c r="BG96" s="418"/>
      <c r="BH96" s="418"/>
      <c r="BI96" s="412"/>
    </row>
    <row r="97" spans="1:61" ht="13.5" customHeight="1">
      <c r="A97" s="417"/>
      <c r="B97" s="405"/>
      <c r="C97" s="405"/>
      <c r="D97" s="405"/>
      <c r="E97" s="405"/>
      <c r="F97" s="405"/>
      <c r="G97" s="405"/>
      <c r="H97" s="390"/>
      <c r="I97" s="429"/>
      <c r="J97" s="429"/>
      <c r="K97" s="429"/>
      <c r="L97" s="429"/>
      <c r="M97" s="432"/>
      <c r="N97" s="433"/>
      <c r="O97" s="433"/>
      <c r="P97" s="433"/>
      <c r="Q97" s="433"/>
      <c r="R97" s="433"/>
      <c r="S97" s="433"/>
      <c r="T97" s="433"/>
      <c r="U97" s="433"/>
      <c r="V97" s="433"/>
      <c r="W97" s="392"/>
      <c r="X97" s="390"/>
      <c r="Y97" s="405"/>
      <c r="Z97" s="405"/>
      <c r="AA97" s="405"/>
      <c r="AB97" s="405"/>
      <c r="AC97" s="405"/>
      <c r="AD97" s="405"/>
      <c r="AE97" s="405"/>
      <c r="AF97" s="405"/>
      <c r="AG97" s="405"/>
      <c r="AH97" s="405"/>
      <c r="AI97" s="405"/>
      <c r="AJ97" s="405"/>
      <c r="AK97" s="405"/>
      <c r="AL97" s="405"/>
      <c r="AM97" s="405"/>
      <c r="AN97" s="405"/>
      <c r="AO97" s="405"/>
      <c r="AP97" s="405"/>
      <c r="AQ97" s="405"/>
      <c r="AR97" s="405"/>
      <c r="AS97" s="405"/>
      <c r="AT97" s="405"/>
      <c r="AU97" s="405"/>
      <c r="AV97" s="405"/>
      <c r="AW97" s="405"/>
      <c r="AX97" s="405"/>
      <c r="AY97" s="405"/>
      <c r="AZ97" s="405"/>
      <c r="BA97" s="405"/>
      <c r="BB97" s="405"/>
      <c r="BC97" s="405"/>
      <c r="BD97" s="405"/>
      <c r="BE97" s="405"/>
      <c r="BF97" s="405"/>
      <c r="BG97" s="405"/>
      <c r="BH97" s="405"/>
      <c r="BI97" s="412"/>
    </row>
    <row r="98" spans="1:61" ht="13.5" customHeight="1">
      <c r="A98" s="478" t="s">
        <v>276</v>
      </c>
      <c r="B98" s="502"/>
      <c r="C98" s="502"/>
      <c r="D98" s="502"/>
      <c r="E98" s="502"/>
      <c r="F98" s="502"/>
      <c r="G98" s="503"/>
      <c r="H98" s="384"/>
      <c r="I98" s="434" t="s">
        <v>277</v>
      </c>
      <c r="J98" s="434"/>
      <c r="K98" s="434"/>
      <c r="L98" s="434"/>
      <c r="M98" s="435"/>
      <c r="N98" s="436"/>
      <c r="O98" s="436"/>
      <c r="P98" s="436"/>
      <c r="Q98" s="436"/>
      <c r="R98" s="436"/>
      <c r="S98" s="436"/>
      <c r="T98" s="436"/>
      <c r="U98" s="436"/>
      <c r="V98" s="436"/>
      <c r="W98" s="386"/>
      <c r="X98" s="384"/>
      <c r="Y98" s="407" t="s">
        <v>278</v>
      </c>
      <c r="Z98" s="407"/>
      <c r="AA98" s="407"/>
      <c r="AB98" s="407"/>
      <c r="AC98" s="407"/>
      <c r="AD98" s="407"/>
      <c r="AE98" s="407"/>
      <c r="AF98" s="407"/>
      <c r="AG98" s="407"/>
      <c r="AH98" s="407"/>
      <c r="AI98" s="407"/>
      <c r="AJ98" s="407"/>
      <c r="AK98" s="407"/>
      <c r="AL98" s="407"/>
      <c r="AM98" s="407"/>
      <c r="AN98" s="407"/>
      <c r="AO98" s="407"/>
      <c r="AP98" s="407"/>
      <c r="AQ98" s="407"/>
      <c r="AR98" s="407"/>
      <c r="AS98" s="407"/>
      <c r="AT98" s="407"/>
      <c r="AU98" s="407"/>
      <c r="AV98" s="407"/>
      <c r="AW98" s="407"/>
      <c r="AX98" s="407"/>
      <c r="AY98" s="407"/>
      <c r="AZ98" s="407"/>
      <c r="BA98" s="407"/>
      <c r="BB98" s="407"/>
      <c r="BC98" s="407"/>
      <c r="BD98" s="407"/>
      <c r="BE98" s="407"/>
      <c r="BF98" s="407"/>
      <c r="BG98" s="407"/>
      <c r="BH98" s="407"/>
      <c r="BI98" s="409"/>
    </row>
    <row r="99" spans="1:61" ht="13.5" customHeight="1">
      <c r="A99" s="417"/>
      <c r="B99" s="405"/>
      <c r="C99" s="405"/>
      <c r="D99" s="405"/>
      <c r="E99" s="405"/>
      <c r="F99" s="405"/>
      <c r="G99" s="412"/>
      <c r="H99" s="390"/>
      <c r="I99" s="429"/>
      <c r="J99" s="429"/>
      <c r="K99" s="429"/>
      <c r="L99" s="429"/>
      <c r="M99" s="432"/>
      <c r="N99" s="433"/>
      <c r="O99" s="433"/>
      <c r="P99" s="433"/>
      <c r="Q99" s="433"/>
      <c r="R99" s="433"/>
      <c r="S99" s="433"/>
      <c r="T99" s="433"/>
      <c r="U99" s="433"/>
      <c r="V99" s="433"/>
      <c r="W99" s="392"/>
      <c r="X99" s="390"/>
      <c r="Y99" s="405"/>
      <c r="Z99" s="405" t="s">
        <v>215</v>
      </c>
      <c r="AA99" s="405"/>
      <c r="AB99" s="405"/>
      <c r="AC99" s="405"/>
      <c r="AD99" s="405" t="s">
        <v>216</v>
      </c>
      <c r="AE99" s="405"/>
      <c r="AF99" s="405"/>
      <c r="AG99" s="405"/>
      <c r="AH99" s="405" t="s">
        <v>217</v>
      </c>
      <c r="AI99" s="405"/>
      <c r="AJ99" s="405"/>
      <c r="AK99" s="405"/>
      <c r="AL99" s="405" t="s">
        <v>218</v>
      </c>
      <c r="AM99" s="405"/>
      <c r="AN99" s="405"/>
      <c r="AO99" s="405"/>
      <c r="AP99" s="405" t="s">
        <v>219</v>
      </c>
      <c r="AQ99" s="405"/>
      <c r="AR99" s="405"/>
      <c r="AS99" s="405"/>
      <c r="AT99" s="405" t="s">
        <v>279</v>
      </c>
      <c r="AU99" s="405"/>
      <c r="AV99" s="405"/>
      <c r="AW99" s="405"/>
      <c r="AX99" s="405" t="s">
        <v>106</v>
      </c>
      <c r="AY99" s="405"/>
      <c r="AZ99" s="405"/>
      <c r="BA99" s="405" t="s">
        <v>223</v>
      </c>
      <c r="BB99" s="405"/>
      <c r="BC99" s="405"/>
      <c r="BD99" s="405"/>
      <c r="BE99" s="405"/>
      <c r="BF99" s="405"/>
      <c r="BG99" s="405"/>
      <c r="BH99" s="405"/>
      <c r="BI99" s="412" t="s">
        <v>224</v>
      </c>
    </row>
    <row r="100" spans="1:61" ht="13.5" customHeight="1">
      <c r="A100" s="417"/>
      <c r="B100" s="405"/>
      <c r="C100" s="405"/>
      <c r="D100" s="405"/>
      <c r="E100" s="405"/>
      <c r="F100" s="405"/>
      <c r="G100" s="412"/>
      <c r="H100" s="390"/>
      <c r="I100" s="429"/>
      <c r="J100" s="429"/>
      <c r="K100" s="429"/>
      <c r="L100" s="429"/>
      <c r="M100" s="432"/>
      <c r="N100" s="433"/>
      <c r="O100" s="433"/>
      <c r="P100" s="433"/>
      <c r="Q100" s="433"/>
      <c r="R100" s="433"/>
      <c r="S100" s="433"/>
      <c r="T100" s="433"/>
      <c r="U100" s="433"/>
      <c r="V100" s="433"/>
      <c r="W100" s="392"/>
      <c r="X100" s="390"/>
      <c r="Y100" s="405" t="s">
        <v>280</v>
      </c>
      <c r="Z100" s="405"/>
      <c r="AA100" s="405"/>
      <c r="AB100" s="405"/>
      <c r="AC100" s="405" t="s">
        <v>223</v>
      </c>
      <c r="AD100" s="394"/>
      <c r="AE100" s="405" t="s">
        <v>165</v>
      </c>
      <c r="AF100" s="405"/>
      <c r="AG100" s="473"/>
      <c r="AH100" s="473"/>
      <c r="AI100" s="405" t="s">
        <v>166</v>
      </c>
      <c r="AJ100" s="473"/>
      <c r="AK100" s="473"/>
      <c r="AL100" s="405" t="s">
        <v>167</v>
      </c>
      <c r="AM100" s="405"/>
      <c r="AN100" s="405"/>
      <c r="AO100" s="405"/>
      <c r="AP100" s="405" t="s">
        <v>150</v>
      </c>
      <c r="AQ100" s="405"/>
      <c r="AR100" s="405"/>
      <c r="AS100" s="405"/>
      <c r="AT100" s="405" t="s">
        <v>168</v>
      </c>
      <c r="AU100" s="405"/>
      <c r="AV100" s="405"/>
      <c r="AW100" s="405"/>
      <c r="AX100" s="405"/>
      <c r="AY100" s="405"/>
      <c r="AZ100" s="405"/>
      <c r="BA100" s="405"/>
      <c r="BB100" s="405"/>
      <c r="BC100" s="405"/>
      <c r="BD100" s="405"/>
      <c r="BE100" s="405"/>
      <c r="BF100" s="405"/>
      <c r="BG100" s="405"/>
      <c r="BH100" s="405"/>
      <c r="BI100" s="412"/>
    </row>
    <row r="101" spans="1:61" ht="13.5" customHeight="1">
      <c r="A101" s="417"/>
      <c r="B101" s="405"/>
      <c r="C101" s="405"/>
      <c r="D101" s="405"/>
      <c r="E101" s="405"/>
      <c r="F101" s="405"/>
      <c r="G101" s="412"/>
      <c r="H101" s="390"/>
      <c r="I101" s="429"/>
      <c r="J101" s="429"/>
      <c r="K101" s="429"/>
      <c r="L101" s="429"/>
      <c r="M101" s="432"/>
      <c r="N101" s="433"/>
      <c r="O101" s="433"/>
      <c r="P101" s="433"/>
      <c r="Q101" s="433"/>
      <c r="R101" s="433"/>
      <c r="S101" s="433"/>
      <c r="T101" s="433"/>
      <c r="U101" s="433"/>
      <c r="V101" s="433"/>
      <c r="W101" s="392"/>
      <c r="X101" s="390"/>
      <c r="Y101" s="405" t="s">
        <v>281</v>
      </c>
      <c r="Z101" s="405"/>
      <c r="AA101" s="405"/>
      <c r="AB101" s="405" t="s">
        <v>282</v>
      </c>
      <c r="AC101" s="473"/>
      <c r="AD101" s="481"/>
      <c r="AE101" s="481"/>
      <c r="AF101" s="481"/>
      <c r="AG101" s="481"/>
      <c r="AH101" s="481"/>
      <c r="AI101" s="481"/>
      <c r="AJ101" s="481"/>
      <c r="AK101" s="481"/>
      <c r="AL101" s="481"/>
      <c r="AM101" s="481"/>
      <c r="AN101" s="481"/>
      <c r="AO101" s="481"/>
      <c r="AP101" s="481"/>
      <c r="AQ101" s="481"/>
      <c r="AR101" s="481"/>
      <c r="AS101" s="481"/>
      <c r="AT101" s="481"/>
      <c r="AU101" s="481"/>
      <c r="AV101" s="481"/>
      <c r="AW101" s="481"/>
      <c r="AX101" s="481"/>
      <c r="AY101" s="481"/>
      <c r="AZ101" s="481"/>
      <c r="BA101" s="481"/>
      <c r="BB101" s="481"/>
      <c r="BC101" s="481"/>
      <c r="BD101" s="481"/>
      <c r="BE101" s="481"/>
      <c r="BF101" s="481"/>
      <c r="BG101" s="481"/>
      <c r="BH101" s="481"/>
      <c r="BI101" s="412" t="s">
        <v>283</v>
      </c>
    </row>
    <row r="102" spans="1:61" ht="13.5" customHeight="1">
      <c r="A102" s="417"/>
      <c r="B102" s="405"/>
      <c r="C102" s="405"/>
      <c r="D102" s="405"/>
      <c r="E102" s="405"/>
      <c r="F102" s="405"/>
      <c r="G102" s="412"/>
      <c r="H102" s="390"/>
      <c r="I102" s="429" t="s">
        <v>106</v>
      </c>
      <c r="J102" s="429"/>
      <c r="K102" s="429"/>
      <c r="L102" s="429"/>
      <c r="M102" s="432"/>
      <c r="N102" s="433"/>
      <c r="O102" s="433"/>
      <c r="P102" s="433"/>
      <c r="Q102" s="433"/>
      <c r="R102" s="433"/>
      <c r="S102" s="433"/>
      <c r="T102" s="433"/>
      <c r="U102" s="433"/>
      <c r="V102" s="433"/>
      <c r="W102" s="392"/>
      <c r="X102" s="390"/>
      <c r="Y102" s="405" t="s">
        <v>106</v>
      </c>
      <c r="Z102" s="405"/>
      <c r="AA102" s="405"/>
      <c r="AB102" s="405" t="s">
        <v>282</v>
      </c>
      <c r="AC102" s="473"/>
      <c r="AD102" s="481"/>
      <c r="AE102" s="481"/>
      <c r="AF102" s="481"/>
      <c r="AG102" s="481"/>
      <c r="AH102" s="481"/>
      <c r="AI102" s="481"/>
      <c r="AJ102" s="481"/>
      <c r="AK102" s="481"/>
      <c r="AL102" s="481"/>
      <c r="AM102" s="481"/>
      <c r="AN102" s="481"/>
      <c r="AO102" s="481"/>
      <c r="AP102" s="481"/>
      <c r="AQ102" s="481"/>
      <c r="AR102" s="481"/>
      <c r="AS102" s="481"/>
      <c r="AT102" s="481"/>
      <c r="AU102" s="481"/>
      <c r="AV102" s="481"/>
      <c r="AW102" s="481"/>
      <c r="AX102" s="481"/>
      <c r="AY102" s="481"/>
      <c r="AZ102" s="481"/>
      <c r="BA102" s="481"/>
      <c r="BB102" s="481"/>
      <c r="BC102" s="481"/>
      <c r="BD102" s="481"/>
      <c r="BE102" s="481"/>
      <c r="BF102" s="481"/>
      <c r="BG102" s="481"/>
      <c r="BH102" s="481"/>
      <c r="BI102" s="412" t="s">
        <v>283</v>
      </c>
    </row>
    <row r="103" spans="1:61" ht="13.5" customHeight="1">
      <c r="A103" s="414"/>
      <c r="B103" s="415"/>
      <c r="C103" s="415"/>
      <c r="D103" s="415"/>
      <c r="E103" s="415"/>
      <c r="F103" s="415"/>
      <c r="G103" s="416"/>
      <c r="H103" s="399"/>
      <c r="I103" s="437"/>
      <c r="J103" s="437"/>
      <c r="K103" s="437"/>
      <c r="L103" s="437"/>
      <c r="M103" s="438"/>
      <c r="N103" s="439"/>
      <c r="O103" s="439"/>
      <c r="P103" s="439"/>
      <c r="Q103" s="439"/>
      <c r="R103" s="439"/>
      <c r="S103" s="439"/>
      <c r="T103" s="439"/>
      <c r="U103" s="439"/>
      <c r="V103" s="439"/>
      <c r="W103" s="401"/>
      <c r="X103" s="399"/>
      <c r="Y103" s="415"/>
      <c r="Z103" s="415"/>
      <c r="AA103" s="415"/>
      <c r="AB103" s="415"/>
      <c r="AC103" s="415"/>
      <c r="AD103" s="415"/>
      <c r="AE103" s="415"/>
      <c r="AF103" s="415"/>
      <c r="AG103" s="415"/>
      <c r="AH103" s="415"/>
      <c r="AI103" s="415"/>
      <c r="AJ103" s="415"/>
      <c r="AK103" s="415"/>
      <c r="AL103" s="415"/>
      <c r="AM103" s="415"/>
      <c r="AN103" s="415"/>
      <c r="AO103" s="415"/>
      <c r="AP103" s="415"/>
      <c r="AQ103" s="415"/>
      <c r="AR103" s="415"/>
      <c r="AS103" s="415"/>
      <c r="AT103" s="415"/>
      <c r="AU103" s="415"/>
      <c r="AV103" s="415"/>
      <c r="AW103" s="415"/>
      <c r="AX103" s="415"/>
      <c r="AY103" s="415"/>
      <c r="AZ103" s="415"/>
      <c r="BA103" s="415"/>
      <c r="BB103" s="415"/>
      <c r="BC103" s="415"/>
      <c r="BD103" s="415"/>
      <c r="BE103" s="415"/>
      <c r="BF103" s="415"/>
      <c r="BG103" s="415"/>
      <c r="BH103" s="415"/>
      <c r="BI103" s="416"/>
    </row>
    <row r="104" spans="1:61" ht="13.5" customHeight="1">
      <c r="A104" s="488" t="s">
        <v>284</v>
      </c>
      <c r="B104" s="497"/>
      <c r="C104" s="497"/>
      <c r="D104" s="497"/>
      <c r="E104" s="497"/>
      <c r="F104" s="497"/>
      <c r="G104" s="498"/>
      <c r="H104" s="384"/>
      <c r="I104" s="434" t="s">
        <v>285</v>
      </c>
      <c r="J104" s="434"/>
      <c r="K104" s="434"/>
      <c r="L104" s="434"/>
      <c r="M104" s="435"/>
      <c r="N104" s="436"/>
      <c r="O104" s="436"/>
      <c r="P104" s="436"/>
      <c r="Q104" s="436"/>
      <c r="R104" s="436"/>
      <c r="S104" s="436"/>
      <c r="T104" s="436"/>
      <c r="U104" s="436"/>
      <c r="V104" s="436"/>
      <c r="W104" s="386"/>
      <c r="X104" s="384"/>
      <c r="Y104" s="407" t="s">
        <v>286</v>
      </c>
      <c r="Z104" s="407"/>
      <c r="AA104" s="407"/>
      <c r="AB104" s="407"/>
      <c r="AC104" s="407"/>
      <c r="AD104" s="407"/>
      <c r="AE104" s="407"/>
      <c r="AF104" s="407" t="s">
        <v>282</v>
      </c>
      <c r="AG104" s="492"/>
      <c r="AH104" s="492"/>
      <c r="AI104" s="492"/>
      <c r="AJ104" s="492"/>
      <c r="AK104" s="492"/>
      <c r="AL104" s="492"/>
      <c r="AM104" s="492"/>
      <c r="AN104" s="492"/>
      <c r="AO104" s="492"/>
      <c r="AP104" s="492"/>
      <c r="AQ104" s="492"/>
      <c r="AR104" s="492"/>
      <c r="AS104" s="492"/>
      <c r="AT104" s="492"/>
      <c r="AU104" s="492"/>
      <c r="AV104" s="492"/>
      <c r="AW104" s="492"/>
      <c r="AX104" s="492"/>
      <c r="AY104" s="492"/>
      <c r="AZ104" s="492"/>
      <c r="BA104" s="492"/>
      <c r="BB104" s="492"/>
      <c r="BC104" s="492"/>
      <c r="BD104" s="492"/>
      <c r="BE104" s="492"/>
      <c r="BF104" s="492"/>
      <c r="BG104" s="492"/>
      <c r="BH104" s="492"/>
      <c r="BI104" s="409" t="s">
        <v>283</v>
      </c>
    </row>
    <row r="105" spans="1:61" ht="13.5" customHeight="1">
      <c r="A105" s="499"/>
      <c r="B105" s="500"/>
      <c r="C105" s="500"/>
      <c r="D105" s="500"/>
      <c r="E105" s="500"/>
      <c r="F105" s="500"/>
      <c r="G105" s="501"/>
      <c r="H105" s="390"/>
      <c r="I105" s="429" t="s">
        <v>287</v>
      </c>
      <c r="J105" s="429"/>
      <c r="K105" s="429"/>
      <c r="L105" s="429"/>
      <c r="M105" s="432"/>
      <c r="N105" s="433"/>
      <c r="O105" s="433"/>
      <c r="P105" s="433"/>
      <c r="Q105" s="433"/>
      <c r="R105" s="433"/>
      <c r="S105" s="433"/>
      <c r="T105" s="433"/>
      <c r="U105" s="433"/>
      <c r="V105" s="433"/>
      <c r="W105" s="392"/>
      <c r="X105" s="390"/>
      <c r="Y105" s="405" t="s">
        <v>189</v>
      </c>
      <c r="Z105" s="405"/>
      <c r="AA105" s="405"/>
      <c r="AB105" s="405"/>
      <c r="AC105" s="405" t="s">
        <v>282</v>
      </c>
      <c r="AD105" s="473"/>
      <c r="AE105" s="473"/>
      <c r="AF105" s="473"/>
      <c r="AG105" s="473"/>
      <c r="AH105" s="473"/>
      <c r="AI105" s="473"/>
      <c r="AJ105" s="473"/>
      <c r="AK105" s="473"/>
      <c r="AL105" s="473"/>
      <c r="AM105" s="473"/>
      <c r="AN105" s="473"/>
      <c r="AO105" s="473"/>
      <c r="AP105" s="473"/>
      <c r="AQ105" s="473"/>
      <c r="AR105" s="473"/>
      <c r="AS105" s="473"/>
      <c r="AT105" s="473"/>
      <c r="AU105" s="473"/>
      <c r="AV105" s="473"/>
      <c r="AW105" s="473"/>
      <c r="AX105" s="473"/>
      <c r="AY105" s="473"/>
      <c r="AZ105" s="473"/>
      <c r="BA105" s="473"/>
      <c r="BB105" s="473"/>
      <c r="BC105" s="473"/>
      <c r="BD105" s="473"/>
      <c r="BE105" s="473"/>
      <c r="BF105" s="473"/>
      <c r="BG105" s="473"/>
      <c r="BH105" s="473"/>
      <c r="BI105" s="412" t="s">
        <v>283</v>
      </c>
    </row>
    <row r="106" spans="1:61" ht="13.5" customHeight="1">
      <c r="A106" s="387"/>
      <c r="B106" s="388"/>
      <c r="C106" s="388"/>
      <c r="D106" s="388"/>
      <c r="E106" s="388"/>
      <c r="F106" s="388"/>
      <c r="G106" s="389"/>
      <c r="H106" s="390"/>
      <c r="I106" s="429"/>
      <c r="J106" s="429"/>
      <c r="K106" s="429"/>
      <c r="L106" s="429"/>
      <c r="M106" s="432"/>
      <c r="N106" s="433"/>
      <c r="O106" s="433"/>
      <c r="P106" s="433"/>
      <c r="Q106" s="433"/>
      <c r="R106" s="433"/>
      <c r="S106" s="433"/>
      <c r="T106" s="433"/>
      <c r="U106" s="433"/>
      <c r="V106" s="433"/>
      <c r="W106" s="392"/>
      <c r="X106" s="390"/>
      <c r="Y106" s="405" t="s">
        <v>106</v>
      </c>
      <c r="Z106" s="405"/>
      <c r="AA106" s="405"/>
      <c r="AB106" s="405" t="s">
        <v>282</v>
      </c>
      <c r="AC106" s="473"/>
      <c r="AD106" s="473"/>
      <c r="AE106" s="473"/>
      <c r="AF106" s="473"/>
      <c r="AG106" s="473"/>
      <c r="AH106" s="473"/>
      <c r="AI106" s="473"/>
      <c r="AJ106" s="473"/>
      <c r="AK106" s="473"/>
      <c r="AL106" s="473"/>
      <c r="AM106" s="473"/>
      <c r="AN106" s="473"/>
      <c r="AO106" s="473"/>
      <c r="AP106" s="473"/>
      <c r="AQ106" s="473"/>
      <c r="AR106" s="473"/>
      <c r="AS106" s="473"/>
      <c r="AT106" s="473"/>
      <c r="AU106" s="473"/>
      <c r="AV106" s="473"/>
      <c r="AW106" s="473"/>
      <c r="AX106" s="473"/>
      <c r="AY106" s="473"/>
      <c r="AZ106" s="473"/>
      <c r="BA106" s="473"/>
      <c r="BB106" s="473"/>
      <c r="BC106" s="473"/>
      <c r="BD106" s="473"/>
      <c r="BE106" s="473"/>
      <c r="BF106" s="473"/>
      <c r="BG106" s="473"/>
      <c r="BH106" s="473"/>
      <c r="BI106" s="412" t="s">
        <v>283</v>
      </c>
    </row>
    <row r="107" spans="1:61" ht="13.5" customHeight="1">
      <c r="A107" s="396"/>
      <c r="B107" s="397"/>
      <c r="C107" s="397"/>
      <c r="D107" s="397"/>
      <c r="E107" s="397"/>
      <c r="F107" s="397"/>
      <c r="G107" s="398"/>
      <c r="H107" s="399"/>
      <c r="I107" s="437"/>
      <c r="J107" s="437"/>
      <c r="K107" s="437"/>
      <c r="L107" s="437"/>
      <c r="M107" s="438"/>
      <c r="N107" s="439"/>
      <c r="O107" s="439"/>
      <c r="P107" s="439"/>
      <c r="Q107" s="439"/>
      <c r="R107" s="439"/>
      <c r="S107" s="439"/>
      <c r="T107" s="439"/>
      <c r="U107" s="439"/>
      <c r="V107" s="439"/>
      <c r="W107" s="401"/>
      <c r="X107" s="399"/>
      <c r="Y107" s="415"/>
      <c r="Z107" s="415"/>
      <c r="AA107" s="415"/>
      <c r="AB107" s="415"/>
      <c r="AC107" s="415"/>
      <c r="AD107" s="415"/>
      <c r="AE107" s="415"/>
      <c r="AF107" s="415"/>
      <c r="AG107" s="415"/>
      <c r="AH107" s="415"/>
      <c r="AI107" s="415"/>
      <c r="AJ107" s="415"/>
      <c r="AK107" s="415"/>
      <c r="AL107" s="415"/>
      <c r="AM107" s="415"/>
      <c r="AN107" s="415"/>
      <c r="AO107" s="415"/>
      <c r="AP107" s="415"/>
      <c r="AQ107" s="415"/>
      <c r="AR107" s="415"/>
      <c r="AS107" s="415"/>
      <c r="AT107" s="415"/>
      <c r="AU107" s="415"/>
      <c r="AV107" s="415"/>
      <c r="AW107" s="415"/>
      <c r="AX107" s="415"/>
      <c r="AY107" s="415"/>
      <c r="AZ107" s="415"/>
      <c r="BA107" s="415"/>
      <c r="BB107" s="415"/>
      <c r="BC107" s="415"/>
      <c r="BD107" s="415"/>
      <c r="BE107" s="415"/>
      <c r="BF107" s="415"/>
      <c r="BG107" s="415"/>
      <c r="BH107" s="415"/>
      <c r="BI107" s="416"/>
    </row>
    <row r="108" spans="1:61" ht="13.5" customHeight="1">
      <c r="A108" s="478" t="s">
        <v>288</v>
      </c>
      <c r="B108" s="502"/>
      <c r="C108" s="502"/>
      <c r="D108" s="502"/>
      <c r="E108" s="502"/>
      <c r="F108" s="502"/>
      <c r="G108" s="503"/>
      <c r="H108" s="384"/>
      <c r="I108" s="434" t="s">
        <v>289</v>
      </c>
      <c r="J108" s="434"/>
      <c r="K108" s="434"/>
      <c r="L108" s="434"/>
      <c r="M108" s="435"/>
      <c r="N108" s="436"/>
      <c r="O108" s="436"/>
      <c r="P108" s="436"/>
      <c r="Q108" s="436"/>
      <c r="R108" s="436"/>
      <c r="S108" s="436"/>
      <c r="T108" s="436"/>
      <c r="U108" s="436"/>
      <c r="V108" s="436"/>
      <c r="W108" s="386"/>
      <c r="X108" s="384"/>
      <c r="Y108" s="407" t="s">
        <v>290</v>
      </c>
      <c r="Z108" s="407"/>
      <c r="AA108" s="407"/>
      <c r="AB108" s="407"/>
      <c r="AC108" s="407"/>
      <c r="AD108" s="407"/>
      <c r="AE108" s="407"/>
      <c r="AF108" s="407"/>
      <c r="AG108" s="407"/>
      <c r="AH108" s="407"/>
      <c r="AI108" s="407"/>
      <c r="AJ108" s="407"/>
      <c r="AK108" s="407"/>
      <c r="AL108" s="407"/>
      <c r="AM108" s="407"/>
      <c r="AN108" s="407"/>
      <c r="AO108" s="407"/>
      <c r="AP108" s="407"/>
      <c r="AQ108" s="407"/>
      <c r="AR108" s="407"/>
      <c r="AS108" s="407"/>
      <c r="AT108" s="407"/>
      <c r="AU108" s="407"/>
      <c r="AV108" s="407"/>
      <c r="AW108" s="407"/>
      <c r="AX108" s="407"/>
      <c r="AY108" s="407"/>
      <c r="AZ108" s="407"/>
      <c r="BA108" s="407"/>
      <c r="BB108" s="407"/>
      <c r="BC108" s="407"/>
      <c r="BD108" s="407"/>
      <c r="BE108" s="407"/>
      <c r="BF108" s="407"/>
      <c r="BG108" s="407"/>
      <c r="BH108" s="407"/>
      <c r="BI108" s="409"/>
    </row>
    <row r="109" spans="1:61" ht="13.5" customHeight="1">
      <c r="A109" s="387"/>
      <c r="B109" s="388"/>
      <c r="C109" s="388"/>
      <c r="D109" s="388"/>
      <c r="E109" s="388"/>
      <c r="F109" s="388"/>
      <c r="G109" s="389"/>
      <c r="H109" s="390"/>
      <c r="I109" s="429"/>
      <c r="J109" s="429"/>
      <c r="K109" s="429"/>
      <c r="L109" s="429"/>
      <c r="M109" s="432"/>
      <c r="N109" s="433"/>
      <c r="O109" s="433"/>
      <c r="P109" s="433"/>
      <c r="Q109" s="433"/>
      <c r="R109" s="433"/>
      <c r="S109" s="433"/>
      <c r="T109" s="433"/>
      <c r="U109" s="433"/>
      <c r="V109" s="433"/>
      <c r="W109" s="392"/>
      <c r="X109" s="390"/>
      <c r="Y109" s="405"/>
      <c r="Z109" s="405" t="s">
        <v>291</v>
      </c>
      <c r="AA109" s="405"/>
      <c r="AB109" s="405"/>
      <c r="AC109" s="405"/>
      <c r="AD109" s="405" t="s">
        <v>282</v>
      </c>
      <c r="AE109" s="473"/>
      <c r="AF109" s="473"/>
      <c r="AG109" s="473"/>
      <c r="AH109" s="473"/>
      <c r="AI109" s="473"/>
      <c r="AJ109" s="473"/>
      <c r="AK109" s="473"/>
      <c r="AL109" s="473"/>
      <c r="AM109" s="473"/>
      <c r="AN109" s="473"/>
      <c r="AO109" s="405" t="s">
        <v>283</v>
      </c>
      <c r="AP109" s="405"/>
      <c r="AQ109" s="405" t="s">
        <v>292</v>
      </c>
      <c r="AR109" s="405"/>
      <c r="AS109" s="405"/>
      <c r="AT109" s="405"/>
      <c r="AU109" s="405" t="s">
        <v>282</v>
      </c>
      <c r="AV109" s="473"/>
      <c r="AW109" s="473"/>
      <c r="AX109" s="473"/>
      <c r="AY109" s="473"/>
      <c r="AZ109" s="473"/>
      <c r="BA109" s="473"/>
      <c r="BB109" s="473"/>
      <c r="BC109" s="473"/>
      <c r="BD109" s="473"/>
      <c r="BE109" s="473"/>
      <c r="BF109" s="473"/>
      <c r="BG109" s="473"/>
      <c r="BH109" s="473"/>
      <c r="BI109" s="412" t="s">
        <v>283</v>
      </c>
    </row>
    <row r="110" spans="1:61" ht="13.5" customHeight="1">
      <c r="A110" s="387"/>
      <c r="B110" s="388"/>
      <c r="C110" s="388"/>
      <c r="D110" s="388"/>
      <c r="E110" s="388"/>
      <c r="F110" s="388"/>
      <c r="G110" s="389"/>
      <c r="H110" s="390"/>
      <c r="I110" s="429"/>
      <c r="J110" s="429"/>
      <c r="K110" s="429"/>
      <c r="L110" s="429"/>
      <c r="M110" s="432"/>
      <c r="N110" s="433"/>
      <c r="O110" s="433"/>
      <c r="P110" s="433"/>
      <c r="Q110" s="433"/>
      <c r="R110" s="433"/>
      <c r="S110" s="433"/>
      <c r="T110" s="433"/>
      <c r="U110" s="433"/>
      <c r="V110" s="433"/>
      <c r="W110" s="392"/>
      <c r="X110" s="390"/>
      <c r="Y110" s="405"/>
      <c r="Z110" s="405" t="s">
        <v>293</v>
      </c>
      <c r="AA110" s="405"/>
      <c r="AB110" s="405"/>
      <c r="AC110" s="405"/>
      <c r="AD110" s="405" t="s">
        <v>282</v>
      </c>
      <c r="AE110" s="473"/>
      <c r="AF110" s="473"/>
      <c r="AG110" s="473"/>
      <c r="AH110" s="473"/>
      <c r="AI110" s="473"/>
      <c r="AJ110" s="473"/>
      <c r="AK110" s="473"/>
      <c r="AL110" s="473"/>
      <c r="AM110" s="473"/>
      <c r="AN110" s="473"/>
      <c r="AO110" s="405" t="s">
        <v>283</v>
      </c>
      <c r="AP110" s="405"/>
      <c r="AQ110" s="405" t="s">
        <v>294</v>
      </c>
      <c r="AR110" s="405"/>
      <c r="AS110" s="405"/>
      <c r="AT110" s="405"/>
      <c r="AU110" s="405" t="s">
        <v>282</v>
      </c>
      <c r="AV110" s="473"/>
      <c r="AW110" s="473"/>
      <c r="AX110" s="473"/>
      <c r="AY110" s="473"/>
      <c r="AZ110" s="473"/>
      <c r="BA110" s="473"/>
      <c r="BB110" s="473"/>
      <c r="BC110" s="473"/>
      <c r="BD110" s="473"/>
      <c r="BE110" s="473"/>
      <c r="BF110" s="473"/>
      <c r="BG110" s="473"/>
      <c r="BH110" s="473"/>
      <c r="BI110" s="412" t="s">
        <v>283</v>
      </c>
    </row>
    <row r="111" spans="1:61" ht="13.5" customHeight="1">
      <c r="A111" s="387"/>
      <c r="B111" s="388"/>
      <c r="C111" s="388"/>
      <c r="D111" s="388"/>
      <c r="E111" s="388"/>
      <c r="F111" s="388"/>
      <c r="G111" s="389"/>
      <c r="H111" s="390"/>
      <c r="I111" s="429"/>
      <c r="J111" s="429"/>
      <c r="K111" s="429"/>
      <c r="L111" s="429"/>
      <c r="M111" s="432"/>
      <c r="N111" s="433"/>
      <c r="O111" s="433"/>
      <c r="P111" s="433"/>
      <c r="Q111" s="433"/>
      <c r="R111" s="433"/>
      <c r="S111" s="433"/>
      <c r="T111" s="433"/>
      <c r="U111" s="433"/>
      <c r="V111" s="433"/>
      <c r="W111" s="392"/>
      <c r="X111" s="390"/>
      <c r="Y111" s="405"/>
      <c r="Z111" s="405" t="s">
        <v>106</v>
      </c>
      <c r="AA111" s="405"/>
      <c r="AB111" s="405"/>
      <c r="AC111" s="405" t="s">
        <v>282</v>
      </c>
      <c r="AD111" s="473"/>
      <c r="AE111" s="473"/>
      <c r="AF111" s="473"/>
      <c r="AG111" s="473"/>
      <c r="AH111" s="473"/>
      <c r="AI111" s="473"/>
      <c r="AJ111" s="473"/>
      <c r="AK111" s="473"/>
      <c r="AL111" s="473"/>
      <c r="AM111" s="473"/>
      <c r="AN111" s="473"/>
      <c r="AO111" s="405" t="s">
        <v>283</v>
      </c>
      <c r="AP111" s="405"/>
      <c r="AQ111" s="405" t="s">
        <v>150</v>
      </c>
      <c r="AR111" s="405"/>
      <c r="AS111" s="405"/>
      <c r="AT111" s="405"/>
      <c r="AU111" s="405"/>
      <c r="AV111" s="405"/>
      <c r="AW111" s="405"/>
      <c r="AX111" s="405"/>
      <c r="AY111" s="405"/>
      <c r="AZ111" s="405"/>
      <c r="BA111" s="405"/>
      <c r="BB111" s="405"/>
      <c r="BC111" s="405"/>
      <c r="BD111" s="405"/>
      <c r="BE111" s="405"/>
      <c r="BF111" s="405"/>
      <c r="BG111" s="405"/>
      <c r="BH111" s="405"/>
      <c r="BI111" s="412"/>
    </row>
    <row r="112" spans="1:61" ht="13.5" customHeight="1">
      <c r="A112" s="387"/>
      <c r="B112" s="388"/>
      <c r="C112" s="388"/>
      <c r="D112" s="388"/>
      <c r="E112" s="388"/>
      <c r="F112" s="388"/>
      <c r="G112" s="389"/>
      <c r="H112" s="390"/>
      <c r="I112" s="429" t="s">
        <v>295</v>
      </c>
      <c r="J112" s="429"/>
      <c r="K112" s="429"/>
      <c r="L112" s="429"/>
      <c r="M112" s="432"/>
      <c r="N112" s="433"/>
      <c r="O112" s="433"/>
      <c r="P112" s="433"/>
      <c r="Q112" s="433"/>
      <c r="R112" s="433"/>
      <c r="S112" s="433"/>
      <c r="T112" s="433"/>
      <c r="U112" s="433"/>
      <c r="V112" s="433"/>
      <c r="W112" s="392"/>
      <c r="X112" s="390"/>
      <c r="Y112" s="405" t="s">
        <v>296</v>
      </c>
      <c r="Z112" s="405"/>
      <c r="AA112" s="405"/>
      <c r="AB112" s="405"/>
      <c r="AC112" s="405" t="s">
        <v>282</v>
      </c>
      <c r="AD112" s="473"/>
      <c r="AE112" s="473"/>
      <c r="AF112" s="473"/>
      <c r="AG112" s="473"/>
      <c r="AH112" s="473"/>
      <c r="AI112" s="473"/>
      <c r="AJ112" s="473"/>
      <c r="AK112" s="473"/>
      <c r="AL112" s="473"/>
      <c r="AM112" s="473"/>
      <c r="AN112" s="473"/>
      <c r="AO112" s="473"/>
      <c r="AP112" s="473"/>
      <c r="AQ112" s="473"/>
      <c r="AR112" s="473"/>
      <c r="AS112" s="473"/>
      <c r="AT112" s="473"/>
      <c r="AU112" s="473"/>
      <c r="AV112" s="473"/>
      <c r="AW112" s="473"/>
      <c r="AX112" s="473"/>
      <c r="AY112" s="473"/>
      <c r="AZ112" s="473"/>
      <c r="BA112" s="473"/>
      <c r="BB112" s="473"/>
      <c r="BC112" s="473"/>
      <c r="BD112" s="473"/>
      <c r="BE112" s="473"/>
      <c r="BF112" s="473"/>
      <c r="BG112" s="473"/>
      <c r="BH112" s="473"/>
      <c r="BI112" s="412" t="s">
        <v>283</v>
      </c>
    </row>
    <row r="113" spans="1:61" ht="13.5" customHeight="1">
      <c r="A113" s="387"/>
      <c r="B113" s="388"/>
      <c r="C113" s="388"/>
      <c r="D113" s="388"/>
      <c r="E113" s="388"/>
      <c r="F113" s="388"/>
      <c r="G113" s="389"/>
      <c r="H113" s="390"/>
      <c r="I113" s="429"/>
      <c r="J113" s="429"/>
      <c r="K113" s="429"/>
      <c r="L113" s="429"/>
      <c r="M113" s="432"/>
      <c r="N113" s="433"/>
      <c r="O113" s="433"/>
      <c r="P113" s="433"/>
      <c r="Q113" s="433"/>
      <c r="R113" s="433"/>
      <c r="S113" s="433"/>
      <c r="T113" s="433"/>
      <c r="U113" s="433"/>
      <c r="V113" s="433"/>
      <c r="W113" s="392"/>
      <c r="X113" s="390"/>
      <c r="Y113" s="405" t="s">
        <v>297</v>
      </c>
      <c r="Z113" s="405"/>
      <c r="AA113" s="405"/>
      <c r="AB113" s="405"/>
      <c r="AC113" s="405" t="s">
        <v>282</v>
      </c>
      <c r="AD113" s="473"/>
      <c r="AE113" s="473"/>
      <c r="AF113" s="473"/>
      <c r="AG113" s="473"/>
      <c r="AH113" s="473"/>
      <c r="AI113" s="473"/>
      <c r="AJ113" s="473"/>
      <c r="AK113" s="473"/>
      <c r="AL113" s="473"/>
      <c r="AM113" s="473"/>
      <c r="AN113" s="473"/>
      <c r="AO113" s="473"/>
      <c r="AP113" s="473"/>
      <c r="AQ113" s="473"/>
      <c r="AR113" s="473"/>
      <c r="AS113" s="473"/>
      <c r="AT113" s="473"/>
      <c r="AU113" s="473"/>
      <c r="AV113" s="473"/>
      <c r="AW113" s="473"/>
      <c r="AX113" s="473"/>
      <c r="AY113" s="473"/>
      <c r="AZ113" s="473"/>
      <c r="BA113" s="473"/>
      <c r="BB113" s="473"/>
      <c r="BC113" s="473"/>
      <c r="BD113" s="473"/>
      <c r="BE113" s="473"/>
      <c r="BF113" s="473"/>
      <c r="BG113" s="473"/>
      <c r="BH113" s="473"/>
      <c r="BI113" s="412" t="s">
        <v>283</v>
      </c>
    </row>
    <row r="114" spans="1:61" ht="13.5" customHeight="1">
      <c r="A114" s="387"/>
      <c r="B114" s="388"/>
      <c r="C114" s="388"/>
      <c r="D114" s="388"/>
      <c r="E114" s="388"/>
      <c r="F114" s="388"/>
      <c r="G114" s="389"/>
      <c r="H114" s="390"/>
      <c r="I114" s="429" t="s">
        <v>298</v>
      </c>
      <c r="J114" s="429"/>
      <c r="K114" s="429"/>
      <c r="L114" s="429"/>
      <c r="M114" s="432"/>
      <c r="N114" s="433"/>
      <c r="O114" s="433"/>
      <c r="P114" s="433"/>
      <c r="Q114" s="433"/>
      <c r="R114" s="433"/>
      <c r="S114" s="433"/>
      <c r="T114" s="433"/>
      <c r="U114" s="433"/>
      <c r="V114" s="433"/>
      <c r="W114" s="392"/>
      <c r="X114" s="390"/>
      <c r="Y114" s="405"/>
      <c r="Z114" s="405"/>
      <c r="AA114" s="405"/>
      <c r="AB114" s="405"/>
      <c r="AC114" s="405"/>
      <c r="AD114" s="405"/>
      <c r="AE114" s="405"/>
      <c r="AF114" s="405"/>
      <c r="AG114" s="405"/>
      <c r="AH114" s="405"/>
      <c r="AI114" s="405"/>
      <c r="AJ114" s="405"/>
      <c r="AK114" s="405"/>
      <c r="AL114" s="405"/>
      <c r="AM114" s="405"/>
      <c r="AN114" s="405"/>
      <c r="AO114" s="405"/>
      <c r="AP114" s="405"/>
      <c r="AQ114" s="405"/>
      <c r="AR114" s="405"/>
      <c r="AS114" s="405"/>
      <c r="AT114" s="405"/>
      <c r="AU114" s="405"/>
      <c r="AV114" s="405"/>
      <c r="AW114" s="405"/>
      <c r="AX114" s="405"/>
      <c r="AY114" s="405"/>
      <c r="AZ114" s="405"/>
      <c r="BA114" s="405"/>
      <c r="BB114" s="405"/>
      <c r="BC114" s="405"/>
      <c r="BD114" s="405"/>
      <c r="BE114" s="405"/>
      <c r="BF114" s="405"/>
      <c r="BG114" s="405"/>
      <c r="BH114" s="405"/>
      <c r="BI114" s="412"/>
    </row>
    <row r="115" spans="1:61" ht="13.5" customHeight="1">
      <c r="A115" s="387"/>
      <c r="B115" s="388"/>
      <c r="C115" s="388"/>
      <c r="D115" s="388"/>
      <c r="E115" s="388"/>
      <c r="F115" s="388"/>
      <c r="G115" s="389"/>
      <c r="H115" s="390"/>
      <c r="I115" s="429" t="s">
        <v>299</v>
      </c>
      <c r="J115" s="429"/>
      <c r="K115" s="429"/>
      <c r="L115" s="429"/>
      <c r="M115" s="432"/>
      <c r="N115" s="433"/>
      <c r="O115" s="433"/>
      <c r="P115" s="433"/>
      <c r="Q115" s="433"/>
      <c r="R115" s="433"/>
      <c r="S115" s="433"/>
      <c r="T115" s="433"/>
      <c r="U115" s="433"/>
      <c r="V115" s="433"/>
      <c r="W115" s="392"/>
      <c r="X115" s="390"/>
      <c r="Y115" s="405"/>
      <c r="Z115" s="405"/>
      <c r="AA115" s="405"/>
      <c r="AB115" s="405"/>
      <c r="AC115" s="405"/>
      <c r="AD115" s="405"/>
      <c r="AE115" s="405"/>
      <c r="AF115" s="405"/>
      <c r="AG115" s="405"/>
      <c r="AH115" s="405"/>
      <c r="AI115" s="405"/>
      <c r="AJ115" s="405"/>
      <c r="AK115" s="405"/>
      <c r="AL115" s="405"/>
      <c r="AM115" s="405"/>
      <c r="AN115" s="405"/>
      <c r="AO115" s="405"/>
      <c r="AP115" s="405"/>
      <c r="AQ115" s="405"/>
      <c r="AR115" s="405"/>
      <c r="AS115" s="405"/>
      <c r="AT115" s="405"/>
      <c r="AU115" s="405"/>
      <c r="AV115" s="405"/>
      <c r="AW115" s="405"/>
      <c r="AX115" s="405"/>
      <c r="AY115" s="405"/>
      <c r="AZ115" s="405"/>
      <c r="BA115" s="405"/>
      <c r="BB115" s="405"/>
      <c r="BC115" s="405"/>
      <c r="BD115" s="405"/>
      <c r="BE115" s="405"/>
      <c r="BF115" s="405"/>
      <c r="BG115" s="405"/>
      <c r="BH115" s="405"/>
      <c r="BI115" s="412"/>
    </row>
    <row r="116" spans="1:61" ht="13.5" customHeight="1">
      <c r="A116" s="387"/>
      <c r="B116" s="388"/>
      <c r="C116" s="388"/>
      <c r="D116" s="388"/>
      <c r="E116" s="388"/>
      <c r="F116" s="388"/>
      <c r="G116" s="389"/>
      <c r="H116" s="390"/>
      <c r="I116" s="429" t="s">
        <v>106</v>
      </c>
      <c r="J116" s="429"/>
      <c r="K116" s="429"/>
      <c r="L116" s="429"/>
      <c r="M116" s="432"/>
      <c r="N116" s="433"/>
      <c r="O116" s="433"/>
      <c r="P116" s="433"/>
      <c r="Q116" s="433"/>
      <c r="R116" s="433"/>
      <c r="S116" s="433"/>
      <c r="T116" s="433"/>
      <c r="U116" s="433"/>
      <c r="V116" s="433"/>
      <c r="W116" s="392"/>
      <c r="X116" s="390"/>
      <c r="Y116" s="405" t="s">
        <v>106</v>
      </c>
      <c r="Z116" s="405"/>
      <c r="AA116" s="405"/>
      <c r="AB116" s="405"/>
      <c r="AC116" s="405"/>
      <c r="AD116" s="405"/>
      <c r="AE116" s="405"/>
      <c r="AF116" s="405"/>
      <c r="AG116" s="405"/>
      <c r="AH116" s="405"/>
      <c r="AI116" s="405"/>
      <c r="AJ116" s="405"/>
      <c r="AK116" s="405"/>
      <c r="AL116" s="405"/>
      <c r="AM116" s="405"/>
      <c r="AN116" s="405"/>
      <c r="AO116" s="405"/>
      <c r="AP116" s="405"/>
      <c r="AQ116" s="405"/>
      <c r="AR116" s="405"/>
      <c r="AS116" s="405"/>
      <c r="AT116" s="405"/>
      <c r="AU116" s="405"/>
      <c r="AV116" s="405"/>
      <c r="AW116" s="405"/>
      <c r="AX116" s="405"/>
      <c r="AY116" s="405"/>
      <c r="AZ116" s="405"/>
      <c r="BA116" s="405"/>
      <c r="BB116" s="405"/>
      <c r="BC116" s="405"/>
      <c r="BD116" s="405"/>
      <c r="BE116" s="405"/>
      <c r="BF116" s="405"/>
      <c r="BG116" s="405"/>
      <c r="BH116" s="405"/>
      <c r="BI116" s="412"/>
    </row>
    <row r="117" spans="1:61" ht="13.5" customHeight="1">
      <c r="A117" s="387"/>
      <c r="B117" s="388"/>
      <c r="C117" s="388"/>
      <c r="D117" s="388"/>
      <c r="E117" s="388"/>
      <c r="F117" s="388"/>
      <c r="G117" s="389"/>
      <c r="H117" s="390"/>
      <c r="I117" s="429"/>
      <c r="J117" s="429"/>
      <c r="K117" s="429"/>
      <c r="L117" s="429"/>
      <c r="M117" s="432"/>
      <c r="N117" s="433"/>
      <c r="O117" s="433"/>
      <c r="P117" s="433"/>
      <c r="Q117" s="433"/>
      <c r="R117" s="433"/>
      <c r="S117" s="433"/>
      <c r="T117" s="433"/>
      <c r="U117" s="433"/>
      <c r="V117" s="433"/>
      <c r="W117" s="392"/>
      <c r="X117" s="390"/>
      <c r="Y117" s="405"/>
      <c r="Z117" s="405"/>
      <c r="AA117" s="405"/>
      <c r="AB117" s="405"/>
      <c r="AC117" s="405"/>
      <c r="AD117" s="405"/>
      <c r="AE117" s="405"/>
      <c r="AF117" s="405"/>
      <c r="AG117" s="405"/>
      <c r="AH117" s="405"/>
      <c r="AI117" s="405"/>
      <c r="AJ117" s="405"/>
      <c r="AK117" s="405"/>
      <c r="AL117" s="405"/>
      <c r="AM117" s="405"/>
      <c r="AN117" s="405"/>
      <c r="AO117" s="405"/>
      <c r="AP117" s="405"/>
      <c r="AQ117" s="405"/>
      <c r="AR117" s="405"/>
      <c r="AS117" s="405"/>
      <c r="AT117" s="405"/>
      <c r="AU117" s="405"/>
      <c r="AV117" s="405"/>
      <c r="AW117" s="405"/>
      <c r="AX117" s="405"/>
      <c r="AY117" s="405"/>
      <c r="AZ117" s="405"/>
      <c r="BA117" s="405"/>
      <c r="BB117" s="405"/>
      <c r="BC117" s="405"/>
      <c r="BD117" s="405"/>
      <c r="BE117" s="405"/>
      <c r="BF117" s="405"/>
      <c r="BG117" s="405"/>
      <c r="BH117" s="405"/>
      <c r="BI117" s="412"/>
    </row>
    <row r="118" spans="1:61" ht="13.5" customHeight="1">
      <c r="A118" s="396"/>
      <c r="B118" s="397"/>
      <c r="C118" s="397"/>
      <c r="D118" s="397"/>
      <c r="E118" s="397"/>
      <c r="F118" s="397"/>
      <c r="G118" s="398"/>
      <c r="H118" s="399"/>
      <c r="I118" s="437"/>
      <c r="J118" s="437"/>
      <c r="K118" s="437"/>
      <c r="L118" s="437"/>
      <c r="M118" s="438"/>
      <c r="N118" s="439"/>
      <c r="O118" s="439"/>
      <c r="P118" s="439"/>
      <c r="Q118" s="439"/>
      <c r="R118" s="439"/>
      <c r="S118" s="439"/>
      <c r="T118" s="439"/>
      <c r="U118" s="439"/>
      <c r="V118" s="439"/>
      <c r="W118" s="401"/>
      <c r="X118" s="399"/>
      <c r="Y118" s="415"/>
      <c r="Z118" s="415"/>
      <c r="AA118" s="415"/>
      <c r="AB118" s="415"/>
      <c r="AC118" s="415"/>
      <c r="AD118" s="415"/>
      <c r="AE118" s="415"/>
      <c r="AF118" s="415"/>
      <c r="AG118" s="415"/>
      <c r="AH118" s="415"/>
      <c r="AI118" s="415"/>
      <c r="AJ118" s="415"/>
      <c r="AK118" s="415"/>
      <c r="AL118" s="415"/>
      <c r="AM118" s="415"/>
      <c r="AN118" s="415"/>
      <c r="AO118" s="415"/>
      <c r="AP118" s="415"/>
      <c r="AQ118" s="415"/>
      <c r="AR118" s="415"/>
      <c r="AS118" s="415"/>
      <c r="AT118" s="415"/>
      <c r="AU118" s="415"/>
      <c r="AV118" s="415"/>
      <c r="AW118" s="415"/>
      <c r="AX118" s="415"/>
      <c r="AY118" s="415"/>
      <c r="AZ118" s="415"/>
      <c r="BA118" s="415"/>
      <c r="BB118" s="415"/>
      <c r="BC118" s="415"/>
      <c r="BD118" s="415"/>
      <c r="BE118" s="415"/>
      <c r="BF118" s="415"/>
      <c r="BG118" s="415"/>
      <c r="BH118" s="415"/>
      <c r="BI118" s="416"/>
    </row>
    <row r="119" spans="1:61" ht="13.5" customHeight="1">
      <c r="A119" s="478" t="s">
        <v>300</v>
      </c>
      <c r="B119" s="502"/>
      <c r="C119" s="502"/>
      <c r="D119" s="502"/>
      <c r="E119" s="502"/>
      <c r="F119" s="502"/>
      <c r="G119" s="503"/>
      <c r="H119" s="384"/>
      <c r="I119" s="434" t="s">
        <v>301</v>
      </c>
      <c r="J119" s="434"/>
      <c r="K119" s="434"/>
      <c r="L119" s="434"/>
      <c r="M119" s="435"/>
      <c r="N119" s="436"/>
      <c r="O119" s="436"/>
      <c r="P119" s="436"/>
      <c r="Q119" s="436"/>
      <c r="R119" s="436"/>
      <c r="S119" s="436"/>
      <c r="T119" s="436"/>
      <c r="U119" s="436"/>
      <c r="V119" s="436"/>
      <c r="W119" s="386"/>
      <c r="X119" s="384"/>
      <c r="Y119" s="407" t="s">
        <v>302</v>
      </c>
      <c r="Z119" s="407"/>
      <c r="AA119" s="407"/>
      <c r="AB119" s="407"/>
      <c r="AC119" s="407"/>
      <c r="AD119" s="407"/>
      <c r="AE119" s="407"/>
      <c r="AF119" s="407"/>
      <c r="AG119" s="407"/>
      <c r="AH119" s="407"/>
      <c r="AI119" s="407"/>
      <c r="AJ119" s="407"/>
      <c r="AK119" s="407"/>
      <c r="AL119" s="407"/>
      <c r="AM119" s="407"/>
      <c r="AN119" s="407"/>
      <c r="AO119" s="407"/>
      <c r="AP119" s="407"/>
      <c r="AQ119" s="407"/>
      <c r="AR119" s="407"/>
      <c r="AS119" s="407"/>
      <c r="AT119" s="407"/>
      <c r="AU119" s="407"/>
      <c r="AV119" s="407"/>
      <c r="AW119" s="407"/>
      <c r="AX119" s="407"/>
      <c r="AY119" s="407"/>
      <c r="AZ119" s="407"/>
      <c r="BA119" s="407"/>
      <c r="BB119" s="407"/>
      <c r="BC119" s="407"/>
      <c r="BD119" s="407"/>
      <c r="BE119" s="407"/>
      <c r="BF119" s="407"/>
      <c r="BG119" s="407"/>
      <c r="BH119" s="407"/>
      <c r="BI119" s="409"/>
    </row>
    <row r="120" spans="1:61" ht="13.5" customHeight="1">
      <c r="A120" s="387"/>
      <c r="B120" s="388"/>
      <c r="C120" s="388"/>
      <c r="D120" s="388"/>
      <c r="E120" s="388"/>
      <c r="F120" s="388"/>
      <c r="G120" s="389"/>
      <c r="H120" s="390"/>
      <c r="I120" s="429"/>
      <c r="J120" s="429"/>
      <c r="K120" s="429"/>
      <c r="L120" s="429"/>
      <c r="M120" s="432"/>
      <c r="N120" s="433"/>
      <c r="O120" s="433"/>
      <c r="P120" s="433"/>
      <c r="Q120" s="433"/>
      <c r="R120" s="433"/>
      <c r="S120" s="433"/>
      <c r="T120" s="433"/>
      <c r="U120" s="433"/>
      <c r="V120" s="433"/>
      <c r="W120" s="392"/>
      <c r="X120" s="390"/>
      <c r="Y120" s="405"/>
      <c r="Z120" s="405" t="s">
        <v>303</v>
      </c>
      <c r="AA120" s="405"/>
      <c r="AB120" s="405"/>
      <c r="AC120" s="405"/>
      <c r="AD120" s="405"/>
      <c r="AE120" s="405"/>
      <c r="AF120" s="405" t="s">
        <v>304</v>
      </c>
      <c r="AG120" s="405"/>
      <c r="AH120" s="405"/>
      <c r="AI120" s="405"/>
      <c r="AJ120" s="405"/>
      <c r="AK120" s="405"/>
      <c r="AL120" s="405"/>
      <c r="AM120" s="405" t="s">
        <v>305</v>
      </c>
      <c r="AN120" s="405"/>
      <c r="AO120" s="405"/>
      <c r="AP120" s="405"/>
      <c r="AQ120" s="405"/>
      <c r="AR120" s="405"/>
      <c r="AS120" s="405"/>
      <c r="AT120" s="405"/>
      <c r="AU120" s="405"/>
      <c r="AV120" s="405" t="s">
        <v>306</v>
      </c>
      <c r="AW120" s="405"/>
      <c r="AX120" s="405"/>
      <c r="AY120" s="405"/>
      <c r="AZ120" s="405"/>
      <c r="BA120" s="405"/>
      <c r="BB120" s="405"/>
      <c r="BC120" s="405"/>
      <c r="BD120" s="405"/>
      <c r="BE120" s="405"/>
      <c r="BF120" s="405"/>
      <c r="BG120" s="405"/>
      <c r="BH120" s="405"/>
      <c r="BI120" s="412"/>
    </row>
    <row r="121" spans="1:61" ht="13.5" customHeight="1">
      <c r="A121" s="387"/>
      <c r="B121" s="388"/>
      <c r="C121" s="388"/>
      <c r="D121" s="388"/>
      <c r="E121" s="388"/>
      <c r="F121" s="388"/>
      <c r="G121" s="389"/>
      <c r="H121" s="390"/>
      <c r="I121" s="426"/>
      <c r="J121" s="440"/>
      <c r="K121" s="440"/>
      <c r="L121" s="440"/>
      <c r="M121" s="440"/>
      <c r="N121" s="440"/>
      <c r="O121" s="440"/>
      <c r="P121" s="440"/>
      <c r="Q121" s="440"/>
      <c r="R121" s="440"/>
      <c r="S121" s="440"/>
      <c r="T121" s="440"/>
      <c r="U121" s="440"/>
      <c r="V121" s="440"/>
      <c r="W121" s="441"/>
      <c r="X121" s="390"/>
      <c r="Y121" s="405" t="s">
        <v>307</v>
      </c>
      <c r="Z121" s="405"/>
      <c r="AA121" s="405"/>
      <c r="AB121" s="405"/>
      <c r="AC121" s="405"/>
      <c r="AD121" s="405"/>
      <c r="AE121" s="405"/>
      <c r="AF121" s="405"/>
      <c r="AG121" s="405"/>
      <c r="AH121" s="405"/>
      <c r="AI121" s="405"/>
      <c r="AJ121" s="405"/>
      <c r="AK121" s="405"/>
      <c r="AL121" s="405"/>
      <c r="AM121" s="405"/>
      <c r="AN121" s="405"/>
      <c r="AO121" s="405"/>
      <c r="AP121" s="405"/>
      <c r="AQ121" s="405"/>
      <c r="AR121" s="405"/>
      <c r="AS121" s="405"/>
      <c r="AT121" s="405"/>
      <c r="AU121" s="405"/>
      <c r="AV121" s="405"/>
      <c r="AW121" s="405"/>
      <c r="AX121" s="405"/>
      <c r="AY121" s="405"/>
      <c r="AZ121" s="405"/>
      <c r="BA121" s="405"/>
      <c r="BB121" s="405"/>
      <c r="BC121" s="405"/>
      <c r="BD121" s="405"/>
      <c r="BE121" s="405"/>
      <c r="BF121" s="405"/>
      <c r="BG121" s="405"/>
      <c r="BH121" s="405"/>
      <c r="BI121" s="412"/>
    </row>
    <row r="122" spans="1:61" ht="13.5" customHeight="1">
      <c r="A122" s="387"/>
      <c r="B122" s="388"/>
      <c r="C122" s="388"/>
      <c r="D122" s="388"/>
      <c r="E122" s="388"/>
      <c r="F122" s="388"/>
      <c r="G122" s="389"/>
      <c r="H122" s="390"/>
      <c r="I122" s="440"/>
      <c r="J122" s="440"/>
      <c r="K122" s="440"/>
      <c r="L122" s="440"/>
      <c r="M122" s="440"/>
      <c r="N122" s="440"/>
      <c r="O122" s="440"/>
      <c r="P122" s="440"/>
      <c r="Q122" s="440"/>
      <c r="R122" s="440"/>
      <c r="S122" s="440"/>
      <c r="T122" s="440"/>
      <c r="U122" s="440"/>
      <c r="V122" s="440"/>
      <c r="W122" s="441"/>
      <c r="X122" s="390"/>
      <c r="Y122" s="405"/>
      <c r="Z122" s="405" t="s">
        <v>308</v>
      </c>
      <c r="AA122" s="405"/>
      <c r="AB122" s="405"/>
      <c r="AC122" s="405"/>
      <c r="AD122" s="405"/>
      <c r="AE122" s="405"/>
      <c r="AF122" s="405" t="s">
        <v>106</v>
      </c>
      <c r="AG122" s="405"/>
      <c r="AH122" s="405"/>
      <c r="AI122" s="405" t="s">
        <v>282</v>
      </c>
      <c r="AJ122" s="473"/>
      <c r="AK122" s="473"/>
      <c r="AL122" s="473"/>
      <c r="AM122" s="473"/>
      <c r="AN122" s="473"/>
      <c r="AO122" s="473"/>
      <c r="AP122" s="473"/>
      <c r="AQ122" s="473"/>
      <c r="AR122" s="473"/>
      <c r="AS122" s="473"/>
      <c r="AT122" s="473"/>
      <c r="AU122" s="473"/>
      <c r="AV122" s="473"/>
      <c r="AW122" s="473"/>
      <c r="AX122" s="473"/>
      <c r="AY122" s="473"/>
      <c r="AZ122" s="473"/>
      <c r="BA122" s="473"/>
      <c r="BB122" s="473"/>
      <c r="BC122" s="473"/>
      <c r="BD122" s="405" t="s">
        <v>283</v>
      </c>
      <c r="BE122" s="405"/>
      <c r="BF122" s="405" t="s">
        <v>150</v>
      </c>
      <c r="BG122" s="405"/>
      <c r="BH122" s="405"/>
      <c r="BI122" s="412"/>
    </row>
    <row r="123" spans="1:61" ht="13.5" customHeight="1">
      <c r="A123" s="387"/>
      <c r="B123" s="388"/>
      <c r="C123" s="388"/>
      <c r="D123" s="388"/>
      <c r="E123" s="388"/>
      <c r="F123" s="388"/>
      <c r="G123" s="389"/>
      <c r="H123" s="390"/>
      <c r="I123" s="506" t="s">
        <v>309</v>
      </c>
      <c r="J123" s="507"/>
      <c r="K123" s="507"/>
      <c r="L123" s="507"/>
      <c r="M123" s="507"/>
      <c r="N123" s="507"/>
      <c r="O123" s="507"/>
      <c r="P123" s="507"/>
      <c r="Q123" s="507"/>
      <c r="R123" s="507"/>
      <c r="S123" s="507"/>
      <c r="T123" s="507"/>
      <c r="U123" s="507"/>
      <c r="V123" s="507"/>
      <c r="W123" s="508"/>
      <c r="X123" s="390"/>
      <c r="Y123" s="405" t="s">
        <v>310</v>
      </c>
      <c r="Z123" s="405"/>
      <c r="AA123" s="405"/>
      <c r="AB123" s="405"/>
      <c r="AC123" s="405"/>
      <c r="AD123" s="405"/>
      <c r="AE123" s="405"/>
      <c r="AF123" s="405"/>
      <c r="AG123" s="405"/>
      <c r="AH123" s="405"/>
      <c r="AI123" s="405"/>
      <c r="AJ123" s="405"/>
      <c r="AK123" s="405"/>
      <c r="AL123" s="405"/>
      <c r="AM123" s="405"/>
      <c r="AN123" s="405"/>
      <c r="AO123" s="405"/>
      <c r="AP123" s="405"/>
      <c r="AQ123" s="405"/>
      <c r="AR123" s="405"/>
      <c r="AS123" s="405"/>
      <c r="AT123" s="405"/>
      <c r="AU123" s="405"/>
      <c r="AV123" s="405"/>
      <c r="AW123" s="405"/>
      <c r="AX123" s="405"/>
      <c r="AY123" s="405"/>
      <c r="AZ123" s="405"/>
      <c r="BA123" s="405"/>
      <c r="BB123" s="405"/>
      <c r="BC123" s="405"/>
      <c r="BD123" s="405"/>
      <c r="BE123" s="405"/>
      <c r="BF123" s="405"/>
      <c r="BG123" s="405"/>
      <c r="BH123" s="405"/>
      <c r="BI123" s="412"/>
    </row>
    <row r="124" spans="1:61" ht="13.5" customHeight="1">
      <c r="A124" s="387"/>
      <c r="B124" s="388"/>
      <c r="C124" s="388"/>
      <c r="D124" s="388"/>
      <c r="E124" s="388"/>
      <c r="F124" s="388"/>
      <c r="G124" s="389"/>
      <c r="H124" s="390"/>
      <c r="I124" s="507"/>
      <c r="J124" s="507"/>
      <c r="K124" s="507"/>
      <c r="L124" s="507"/>
      <c r="M124" s="507"/>
      <c r="N124" s="507"/>
      <c r="O124" s="507"/>
      <c r="P124" s="507"/>
      <c r="Q124" s="507"/>
      <c r="R124" s="507"/>
      <c r="S124" s="507"/>
      <c r="T124" s="507"/>
      <c r="U124" s="507"/>
      <c r="V124" s="507"/>
      <c r="W124" s="508"/>
      <c r="X124" s="390"/>
      <c r="Y124" s="405" t="s">
        <v>311</v>
      </c>
      <c r="Z124" s="405"/>
      <c r="AA124" s="405"/>
      <c r="AB124" s="405"/>
      <c r="AC124" s="405"/>
      <c r="AD124" s="405"/>
      <c r="AE124" s="405"/>
      <c r="AF124" s="473"/>
      <c r="AG124" s="473"/>
      <c r="AH124" s="473"/>
      <c r="AI124" s="473"/>
      <c r="AJ124" s="473"/>
      <c r="AK124" s="473"/>
      <c r="AL124" s="473"/>
      <c r="AM124" s="473"/>
      <c r="AN124" s="473"/>
      <c r="AO124" s="473"/>
      <c r="AP124" s="473"/>
      <c r="AQ124" s="473"/>
      <c r="AR124" s="473"/>
      <c r="AS124" s="473"/>
      <c r="AT124" s="473"/>
      <c r="AU124" s="473"/>
      <c r="AV124" s="473"/>
      <c r="AW124" s="473"/>
      <c r="AX124" s="473"/>
      <c r="AY124" s="473"/>
      <c r="AZ124" s="473"/>
      <c r="BA124" s="473"/>
      <c r="BB124" s="473"/>
      <c r="BC124" s="473"/>
      <c r="BD124" s="473"/>
      <c r="BE124" s="473"/>
      <c r="BF124" s="473"/>
      <c r="BG124" s="473"/>
      <c r="BH124" s="473"/>
      <c r="BI124" s="412" t="s">
        <v>283</v>
      </c>
    </row>
    <row r="125" spans="1:61" ht="13.5" customHeight="1">
      <c r="A125" s="387"/>
      <c r="B125" s="388"/>
      <c r="C125" s="388"/>
      <c r="D125" s="388"/>
      <c r="E125" s="388"/>
      <c r="F125" s="388"/>
      <c r="G125" s="389"/>
      <c r="H125" s="390"/>
      <c r="I125" s="429"/>
      <c r="J125" s="429"/>
      <c r="K125" s="429"/>
      <c r="L125" s="429"/>
      <c r="M125" s="432"/>
      <c r="N125" s="433"/>
      <c r="O125" s="433"/>
      <c r="P125" s="433"/>
      <c r="Q125" s="433"/>
      <c r="R125" s="433"/>
      <c r="S125" s="433"/>
      <c r="T125" s="433"/>
      <c r="U125" s="433"/>
      <c r="V125" s="433"/>
      <c r="W125" s="392"/>
      <c r="X125" s="390"/>
      <c r="Y125" s="405" t="s">
        <v>312</v>
      </c>
      <c r="Z125" s="405"/>
      <c r="AA125" s="405"/>
      <c r="AB125" s="405"/>
      <c r="AC125" s="405"/>
      <c r="AD125" s="405"/>
      <c r="AE125" s="405"/>
      <c r="AF125" s="405"/>
      <c r="AG125" s="405"/>
      <c r="AH125" s="405"/>
      <c r="AI125" s="405"/>
      <c r="AJ125" s="405"/>
      <c r="AK125" s="405"/>
      <c r="AL125" s="405"/>
      <c r="AM125" s="405"/>
      <c r="AN125" s="405"/>
      <c r="AO125" s="405"/>
      <c r="AP125" s="405"/>
      <c r="AQ125" s="405"/>
      <c r="AR125" s="405"/>
      <c r="AS125" s="405"/>
      <c r="AT125" s="405"/>
      <c r="AU125" s="405"/>
      <c r="AV125" s="405"/>
      <c r="AW125" s="405"/>
      <c r="AX125" s="405"/>
      <c r="AY125" s="405"/>
      <c r="AZ125" s="405"/>
      <c r="BA125" s="405"/>
      <c r="BB125" s="405"/>
      <c r="BC125" s="405"/>
      <c r="BD125" s="405"/>
      <c r="BE125" s="405"/>
      <c r="BF125" s="405"/>
      <c r="BG125" s="405"/>
      <c r="BH125" s="405"/>
      <c r="BI125" s="412"/>
    </row>
    <row r="126" spans="1:61" ht="13.5" customHeight="1">
      <c r="A126" s="387"/>
      <c r="B126" s="388"/>
      <c r="C126" s="388"/>
      <c r="D126" s="388"/>
      <c r="E126" s="388"/>
      <c r="F126" s="388"/>
      <c r="G126" s="389"/>
      <c r="H126" s="390"/>
      <c r="I126" s="429"/>
      <c r="J126" s="429"/>
      <c r="K126" s="429"/>
      <c r="L126" s="429"/>
      <c r="M126" s="432"/>
      <c r="N126" s="433"/>
      <c r="O126" s="433"/>
      <c r="P126" s="433"/>
      <c r="Q126" s="433"/>
      <c r="R126" s="433"/>
      <c r="S126" s="433"/>
      <c r="T126" s="433"/>
      <c r="U126" s="433"/>
      <c r="V126" s="433"/>
      <c r="W126" s="392"/>
      <c r="X126" s="390"/>
      <c r="Y126" s="405" t="s">
        <v>311</v>
      </c>
      <c r="Z126" s="405"/>
      <c r="AA126" s="405"/>
      <c r="AB126" s="405"/>
      <c r="AC126" s="405"/>
      <c r="AD126" s="405"/>
      <c r="AE126" s="405"/>
      <c r="AF126" s="473"/>
      <c r="AG126" s="473"/>
      <c r="AH126" s="473"/>
      <c r="AI126" s="473"/>
      <c r="AJ126" s="473"/>
      <c r="AK126" s="473"/>
      <c r="AL126" s="473"/>
      <c r="AM126" s="473"/>
      <c r="AN126" s="473"/>
      <c r="AO126" s="473"/>
      <c r="AP126" s="473"/>
      <c r="AQ126" s="473"/>
      <c r="AR126" s="473"/>
      <c r="AS126" s="473"/>
      <c r="AT126" s="473"/>
      <c r="AU126" s="473"/>
      <c r="AV126" s="473"/>
      <c r="AW126" s="473"/>
      <c r="AX126" s="473"/>
      <c r="AY126" s="473"/>
      <c r="AZ126" s="473"/>
      <c r="BA126" s="473"/>
      <c r="BB126" s="473"/>
      <c r="BC126" s="473"/>
      <c r="BD126" s="473"/>
      <c r="BE126" s="473"/>
      <c r="BF126" s="473"/>
      <c r="BG126" s="473"/>
      <c r="BH126" s="473"/>
      <c r="BI126" s="412" t="s">
        <v>283</v>
      </c>
    </row>
    <row r="127" spans="1:61" ht="13.5" customHeight="1">
      <c r="A127" s="387"/>
      <c r="B127" s="388"/>
      <c r="C127" s="388"/>
      <c r="D127" s="388"/>
      <c r="E127" s="388"/>
      <c r="F127" s="388"/>
      <c r="G127" s="389"/>
      <c r="H127" s="390"/>
      <c r="I127" s="429"/>
      <c r="J127" s="429"/>
      <c r="K127" s="429"/>
      <c r="L127" s="429"/>
      <c r="M127" s="432"/>
      <c r="N127" s="433"/>
      <c r="O127" s="433"/>
      <c r="P127" s="433"/>
      <c r="Q127" s="433"/>
      <c r="R127" s="433"/>
      <c r="S127" s="433"/>
      <c r="T127" s="433"/>
      <c r="U127" s="433"/>
      <c r="V127" s="433"/>
      <c r="W127" s="392"/>
      <c r="X127" s="390"/>
      <c r="Y127" s="405" t="s">
        <v>313</v>
      </c>
      <c r="Z127" s="405"/>
      <c r="AA127" s="405"/>
      <c r="AB127" s="405"/>
      <c r="AC127" s="405"/>
      <c r="AD127" s="405"/>
      <c r="AE127" s="405"/>
      <c r="AF127" s="405"/>
      <c r="AG127" s="405"/>
      <c r="AH127" s="405"/>
      <c r="AI127" s="405"/>
      <c r="AJ127" s="405"/>
      <c r="AK127" s="405"/>
      <c r="AL127" s="405"/>
      <c r="AM127" s="405"/>
      <c r="AN127" s="405"/>
      <c r="AO127" s="405"/>
      <c r="AP127" s="405"/>
      <c r="AQ127" s="405"/>
      <c r="AR127" s="405"/>
      <c r="AS127" s="405"/>
      <c r="AT127" s="405"/>
      <c r="AU127" s="405"/>
      <c r="AV127" s="405"/>
      <c r="AW127" s="405"/>
      <c r="AX127" s="405"/>
      <c r="AY127" s="405"/>
      <c r="AZ127" s="405"/>
      <c r="BA127" s="405"/>
      <c r="BB127" s="405"/>
      <c r="BC127" s="405"/>
      <c r="BD127" s="405"/>
      <c r="BE127" s="405"/>
      <c r="BF127" s="405"/>
      <c r="BG127" s="405"/>
      <c r="BH127" s="405"/>
      <c r="BI127" s="412"/>
    </row>
    <row r="128" spans="1:61" ht="13.5" customHeight="1">
      <c r="A128" s="387"/>
      <c r="B128" s="388"/>
      <c r="C128" s="388"/>
      <c r="D128" s="388"/>
      <c r="E128" s="388"/>
      <c r="F128" s="388"/>
      <c r="G128" s="389"/>
      <c r="H128" s="390"/>
      <c r="I128" s="429" t="s">
        <v>106</v>
      </c>
      <c r="J128" s="429"/>
      <c r="K128" s="429"/>
      <c r="L128" s="429"/>
      <c r="M128" s="432"/>
      <c r="N128" s="433"/>
      <c r="O128" s="433"/>
      <c r="P128" s="433"/>
      <c r="Q128" s="433"/>
      <c r="R128" s="433"/>
      <c r="S128" s="433"/>
      <c r="T128" s="433"/>
      <c r="U128" s="433"/>
      <c r="V128" s="433"/>
      <c r="W128" s="392"/>
      <c r="X128" s="390"/>
      <c r="Y128" s="405" t="s">
        <v>106</v>
      </c>
      <c r="Z128" s="405"/>
      <c r="AA128" s="405"/>
      <c r="AB128" s="405" t="s">
        <v>282</v>
      </c>
      <c r="AC128" s="473"/>
      <c r="AD128" s="473"/>
      <c r="AE128" s="473"/>
      <c r="AF128" s="473"/>
      <c r="AG128" s="473"/>
      <c r="AH128" s="473"/>
      <c r="AI128" s="473"/>
      <c r="AJ128" s="473"/>
      <c r="AK128" s="473"/>
      <c r="AL128" s="473"/>
      <c r="AM128" s="473"/>
      <c r="AN128" s="473"/>
      <c r="AO128" s="473"/>
      <c r="AP128" s="473"/>
      <c r="AQ128" s="473"/>
      <c r="AR128" s="473"/>
      <c r="AS128" s="473"/>
      <c r="AT128" s="473"/>
      <c r="AU128" s="473"/>
      <c r="AV128" s="473"/>
      <c r="AW128" s="473"/>
      <c r="AX128" s="473"/>
      <c r="AY128" s="473"/>
      <c r="AZ128" s="473"/>
      <c r="BA128" s="473"/>
      <c r="BB128" s="473"/>
      <c r="BC128" s="473"/>
      <c r="BD128" s="473"/>
      <c r="BE128" s="473"/>
      <c r="BF128" s="473"/>
      <c r="BG128" s="473"/>
      <c r="BH128" s="473"/>
      <c r="BI128" s="412" t="s">
        <v>283</v>
      </c>
    </row>
    <row r="129" spans="1:61" ht="13.5" customHeight="1">
      <c r="A129" s="387"/>
      <c r="B129" s="388"/>
      <c r="C129" s="388"/>
      <c r="D129" s="388"/>
      <c r="E129" s="388"/>
      <c r="F129" s="388"/>
      <c r="G129" s="389"/>
      <c r="H129" s="390"/>
      <c r="I129" s="429"/>
      <c r="J129" s="429"/>
      <c r="K129" s="429"/>
      <c r="L129" s="429"/>
      <c r="M129" s="432"/>
      <c r="N129" s="433"/>
      <c r="O129" s="433"/>
      <c r="P129" s="433"/>
      <c r="Q129" s="433"/>
      <c r="R129" s="433"/>
      <c r="S129" s="433"/>
      <c r="T129" s="433"/>
      <c r="U129" s="433"/>
      <c r="V129" s="433"/>
      <c r="W129" s="392"/>
      <c r="X129" s="390"/>
      <c r="Y129" s="405"/>
      <c r="Z129" s="405"/>
      <c r="AA129" s="405"/>
      <c r="AB129" s="405"/>
      <c r="AC129" s="405"/>
      <c r="AD129" s="405"/>
      <c r="AE129" s="405"/>
      <c r="AF129" s="405"/>
      <c r="AG129" s="405"/>
      <c r="AH129" s="405"/>
      <c r="AI129" s="405"/>
      <c r="AJ129" s="405"/>
      <c r="AK129" s="405"/>
      <c r="AL129" s="405"/>
      <c r="AM129" s="405"/>
      <c r="AN129" s="405"/>
      <c r="AO129" s="405"/>
      <c r="AP129" s="405"/>
      <c r="AQ129" s="405"/>
      <c r="AR129" s="405"/>
      <c r="AS129" s="405"/>
      <c r="AT129" s="405"/>
      <c r="AU129" s="405"/>
      <c r="AV129" s="405"/>
      <c r="AW129" s="405"/>
      <c r="AX129" s="405"/>
      <c r="AY129" s="405"/>
      <c r="AZ129" s="405"/>
      <c r="BA129" s="405"/>
      <c r="BB129" s="405"/>
      <c r="BC129" s="405"/>
      <c r="BD129" s="405"/>
      <c r="BE129" s="405"/>
      <c r="BF129" s="405"/>
      <c r="BG129" s="405"/>
      <c r="BH129" s="405"/>
      <c r="BI129" s="412"/>
    </row>
    <row r="130" spans="1:61" ht="13.5" customHeight="1">
      <c r="A130" s="396"/>
      <c r="B130" s="397"/>
      <c r="C130" s="397"/>
      <c r="D130" s="397"/>
      <c r="E130" s="397"/>
      <c r="F130" s="397"/>
      <c r="G130" s="398"/>
      <c r="H130" s="414"/>
      <c r="I130" s="437"/>
      <c r="J130" s="437"/>
      <c r="K130" s="437"/>
      <c r="L130" s="437"/>
      <c r="M130" s="442"/>
      <c r="N130" s="443"/>
      <c r="O130" s="443"/>
      <c r="P130" s="443"/>
      <c r="Q130" s="443"/>
      <c r="R130" s="443"/>
      <c r="S130" s="443"/>
      <c r="T130" s="443"/>
      <c r="U130" s="443"/>
      <c r="V130" s="443"/>
      <c r="W130" s="416"/>
      <c r="X130" s="414"/>
      <c r="Y130" s="415"/>
      <c r="Z130" s="415"/>
      <c r="AA130" s="415"/>
      <c r="AB130" s="415"/>
      <c r="AC130" s="415"/>
      <c r="AD130" s="415"/>
      <c r="AE130" s="415"/>
      <c r="AF130" s="415"/>
      <c r="AG130" s="415"/>
      <c r="AH130" s="415"/>
      <c r="AI130" s="415"/>
      <c r="AJ130" s="415"/>
      <c r="AK130" s="415"/>
      <c r="AL130" s="415"/>
      <c r="AM130" s="415"/>
      <c r="AN130" s="415"/>
      <c r="AO130" s="415"/>
      <c r="AP130" s="415"/>
      <c r="AQ130" s="415"/>
      <c r="AR130" s="415"/>
      <c r="AS130" s="415"/>
      <c r="AT130" s="415"/>
      <c r="AU130" s="415"/>
      <c r="AV130" s="415"/>
      <c r="AW130" s="415"/>
      <c r="AX130" s="415"/>
      <c r="AY130" s="415"/>
      <c r="AZ130" s="415"/>
      <c r="BA130" s="415"/>
      <c r="BB130" s="415"/>
      <c r="BC130" s="415"/>
      <c r="BD130" s="415"/>
      <c r="BE130" s="415"/>
      <c r="BF130" s="415"/>
      <c r="BG130" s="415"/>
      <c r="BH130" s="415"/>
      <c r="BI130" s="416"/>
    </row>
    <row r="131" spans="1:61" ht="13.5" customHeight="1">
      <c r="A131" s="478" t="s">
        <v>106</v>
      </c>
      <c r="B131" s="479"/>
      <c r="C131" s="479"/>
      <c r="D131" s="479"/>
      <c r="E131" s="479"/>
      <c r="F131" s="479"/>
      <c r="G131" s="480"/>
      <c r="H131" s="390"/>
      <c r="I131" s="429" t="s">
        <v>314</v>
      </c>
      <c r="J131" s="429"/>
      <c r="K131" s="429"/>
      <c r="L131" s="429"/>
      <c r="M131" s="432"/>
      <c r="N131" s="433"/>
      <c r="O131" s="433"/>
      <c r="P131" s="433"/>
      <c r="Q131" s="433"/>
      <c r="R131" s="433"/>
      <c r="S131" s="433"/>
      <c r="T131" s="433"/>
      <c r="U131" s="433"/>
      <c r="V131" s="433"/>
      <c r="W131" s="392"/>
      <c r="X131" s="390"/>
      <c r="Y131" s="405" t="s">
        <v>315</v>
      </c>
      <c r="Z131" s="405"/>
      <c r="AA131" s="405"/>
      <c r="AB131" s="405"/>
      <c r="AC131" s="405" t="s">
        <v>282</v>
      </c>
      <c r="AD131" s="492"/>
      <c r="AE131" s="492"/>
      <c r="AF131" s="492"/>
      <c r="AG131" s="492"/>
      <c r="AH131" s="492"/>
      <c r="AI131" s="492"/>
      <c r="AJ131" s="492"/>
      <c r="AK131" s="492"/>
      <c r="AL131" s="492"/>
      <c r="AM131" s="492"/>
      <c r="AN131" s="492"/>
      <c r="AO131" s="405" t="s">
        <v>283</v>
      </c>
      <c r="AP131" s="405"/>
      <c r="AQ131" s="405" t="s">
        <v>316</v>
      </c>
      <c r="AR131" s="405"/>
      <c r="AS131" s="405" t="s">
        <v>317</v>
      </c>
      <c r="AT131" s="509"/>
      <c r="AU131" s="510"/>
      <c r="AV131" s="510"/>
      <c r="AW131" s="510"/>
      <c r="AX131" s="510"/>
      <c r="AY131" s="510"/>
      <c r="AZ131" s="510"/>
      <c r="BA131" s="510"/>
      <c r="BB131" s="510"/>
      <c r="BC131" s="510"/>
      <c r="BD131" s="510"/>
      <c r="BE131" s="510"/>
      <c r="BF131" s="510"/>
      <c r="BG131" s="510"/>
      <c r="BH131" s="511"/>
      <c r="BI131" s="412" t="s">
        <v>318</v>
      </c>
    </row>
    <row r="132" spans="1:61" ht="13.5" customHeight="1">
      <c r="A132" s="387"/>
      <c r="B132" s="388"/>
      <c r="C132" s="388"/>
      <c r="D132" s="388"/>
      <c r="E132" s="388"/>
      <c r="F132" s="388"/>
      <c r="G132" s="389"/>
      <c r="H132" s="390"/>
      <c r="I132" s="429"/>
      <c r="J132" s="429"/>
      <c r="K132" s="429"/>
      <c r="L132" s="429"/>
      <c r="M132" s="432"/>
      <c r="N132" s="433"/>
      <c r="O132" s="433"/>
      <c r="P132" s="433"/>
      <c r="Q132" s="433"/>
      <c r="R132" s="433"/>
      <c r="S132" s="433"/>
      <c r="T132" s="433"/>
      <c r="U132" s="433"/>
      <c r="V132" s="433"/>
      <c r="W132" s="392"/>
      <c r="X132" s="390"/>
      <c r="Y132" s="405" t="s">
        <v>106</v>
      </c>
      <c r="Z132" s="405"/>
      <c r="AA132" s="405"/>
      <c r="AB132" s="405" t="s">
        <v>317</v>
      </c>
      <c r="AC132" s="473"/>
      <c r="AD132" s="473"/>
      <c r="AE132" s="473"/>
      <c r="AF132" s="473"/>
      <c r="AG132" s="473"/>
      <c r="AH132" s="473"/>
      <c r="AI132" s="473"/>
      <c r="AJ132" s="473"/>
      <c r="AK132" s="473"/>
      <c r="AL132" s="473"/>
      <c r="AM132" s="473"/>
      <c r="AN132" s="473"/>
      <c r="AO132" s="473"/>
      <c r="AP132" s="473"/>
      <c r="AQ132" s="473"/>
      <c r="AR132" s="473"/>
      <c r="AS132" s="473"/>
      <c r="AT132" s="473"/>
      <c r="AU132" s="473"/>
      <c r="AV132" s="473"/>
      <c r="AW132" s="473"/>
      <c r="AX132" s="473"/>
      <c r="AY132" s="473"/>
      <c r="AZ132" s="473"/>
      <c r="BA132" s="473"/>
      <c r="BB132" s="473"/>
      <c r="BC132" s="473"/>
      <c r="BD132" s="473"/>
      <c r="BE132" s="473"/>
      <c r="BF132" s="473"/>
      <c r="BG132" s="473"/>
      <c r="BH132" s="473"/>
      <c r="BI132" s="412" t="s">
        <v>318</v>
      </c>
    </row>
    <row r="133" spans="1:61" ht="13.5" customHeight="1">
      <c r="A133" s="387"/>
      <c r="B133" s="388"/>
      <c r="C133" s="388"/>
      <c r="D133" s="388"/>
      <c r="E133" s="388"/>
      <c r="F133" s="388"/>
      <c r="G133" s="389"/>
      <c r="H133" s="390"/>
      <c r="I133" s="429" t="s">
        <v>319</v>
      </c>
      <c r="J133" s="429"/>
      <c r="K133" s="429"/>
      <c r="L133" s="429"/>
      <c r="M133" s="432"/>
      <c r="N133" s="433"/>
      <c r="O133" s="433"/>
      <c r="P133" s="433"/>
      <c r="Q133" s="433"/>
      <c r="R133" s="433"/>
      <c r="S133" s="433"/>
      <c r="T133" s="433"/>
      <c r="U133" s="433"/>
      <c r="V133" s="433"/>
      <c r="W133" s="392"/>
      <c r="X133" s="390"/>
      <c r="Y133" s="405" t="s">
        <v>320</v>
      </c>
      <c r="Z133" s="405"/>
      <c r="AA133" s="405"/>
      <c r="AB133" s="418"/>
      <c r="AC133" s="418"/>
      <c r="AD133" s="418"/>
      <c r="AE133" s="418"/>
      <c r="AF133" s="418"/>
      <c r="AG133" s="418"/>
      <c r="AH133" s="418"/>
      <c r="AI133" s="418"/>
      <c r="AJ133" s="418"/>
      <c r="AK133" s="418"/>
      <c r="AL133" s="405"/>
      <c r="AM133" s="405"/>
      <c r="AN133" s="405"/>
      <c r="AO133" s="405"/>
      <c r="AP133" s="473"/>
      <c r="AQ133" s="473"/>
      <c r="AR133" s="473"/>
      <c r="AS133" s="405"/>
      <c r="AT133" s="405"/>
      <c r="AU133" s="405"/>
      <c r="AV133" s="405"/>
      <c r="AW133" s="405"/>
      <c r="AX133" s="405"/>
      <c r="AY133" s="473"/>
      <c r="AZ133" s="473"/>
      <c r="BA133" s="473"/>
      <c r="BB133" s="473"/>
      <c r="BC133" s="473"/>
      <c r="BD133" s="473"/>
      <c r="BE133" s="473"/>
      <c r="BF133" s="473"/>
      <c r="BG133" s="473"/>
      <c r="BH133" s="473"/>
      <c r="BI133" s="412"/>
    </row>
    <row r="134" spans="1:61" ht="13.5" customHeight="1">
      <c r="A134" s="387"/>
      <c r="B134" s="388"/>
      <c r="C134" s="388"/>
      <c r="D134" s="388"/>
      <c r="E134" s="388"/>
      <c r="F134" s="388"/>
      <c r="G134" s="389"/>
      <c r="H134" s="390"/>
      <c r="I134" s="429"/>
      <c r="J134" s="429"/>
      <c r="K134" s="429"/>
      <c r="L134" s="429"/>
      <c r="M134" s="432"/>
      <c r="N134" s="433"/>
      <c r="O134" s="433"/>
      <c r="P134" s="433"/>
      <c r="Q134" s="433"/>
      <c r="R134" s="433"/>
      <c r="S134" s="433"/>
      <c r="T134" s="433"/>
      <c r="U134" s="433"/>
      <c r="V134" s="433"/>
      <c r="W134" s="392"/>
      <c r="X134" s="390"/>
      <c r="Y134" s="405"/>
      <c r="Z134" s="405" t="s">
        <v>321</v>
      </c>
      <c r="AA134" s="405"/>
      <c r="AB134" s="405"/>
      <c r="AC134" s="418"/>
      <c r="AD134" s="418"/>
      <c r="AE134" s="405"/>
      <c r="AF134" s="405" t="s">
        <v>322</v>
      </c>
      <c r="AG134" s="418"/>
      <c r="AH134" s="418"/>
      <c r="AI134" s="418"/>
      <c r="AJ134" s="418"/>
      <c r="AK134" s="394"/>
      <c r="AL134" s="405"/>
      <c r="AM134" s="405" t="s">
        <v>323</v>
      </c>
      <c r="AN134" s="405"/>
      <c r="AO134" s="405"/>
      <c r="AP134" s="405" t="s">
        <v>317</v>
      </c>
      <c r="AQ134" s="405" t="s">
        <v>355</v>
      </c>
      <c r="AR134" s="405"/>
      <c r="AS134" s="394"/>
      <c r="AT134" s="473"/>
      <c r="AU134" s="473"/>
      <c r="AV134" s="473"/>
      <c r="AW134" s="473"/>
      <c r="AX134" s="473"/>
      <c r="AY134" s="473"/>
      <c r="AZ134" s="473"/>
      <c r="BA134" s="473"/>
      <c r="BB134" s="473"/>
      <c r="BC134" s="473"/>
      <c r="BD134" s="473"/>
      <c r="BE134" s="473"/>
      <c r="BF134" s="473"/>
      <c r="BG134" s="473"/>
      <c r="BH134" s="473"/>
      <c r="BI134" s="412" t="s">
        <v>318</v>
      </c>
    </row>
    <row r="135" spans="1:61" ht="13.5" customHeight="1">
      <c r="A135" s="387"/>
      <c r="B135" s="388"/>
      <c r="C135" s="388"/>
      <c r="D135" s="388"/>
      <c r="E135" s="388"/>
      <c r="F135" s="388"/>
      <c r="G135" s="389"/>
      <c r="H135" s="390"/>
      <c r="I135" s="429"/>
      <c r="J135" s="429"/>
      <c r="K135" s="429"/>
      <c r="L135" s="429"/>
      <c r="M135" s="432"/>
      <c r="N135" s="433"/>
      <c r="O135" s="433"/>
      <c r="P135" s="433"/>
      <c r="Q135" s="433"/>
      <c r="R135" s="433"/>
      <c r="S135" s="433"/>
      <c r="T135" s="433"/>
      <c r="U135" s="433"/>
      <c r="V135" s="433"/>
      <c r="W135" s="392"/>
      <c r="X135" s="390"/>
      <c r="Y135" s="405" t="s">
        <v>324</v>
      </c>
      <c r="Z135" s="490"/>
      <c r="AA135" s="490"/>
      <c r="AB135" s="405" t="s">
        <v>325</v>
      </c>
      <c r="AC135" s="418"/>
      <c r="AD135" s="391"/>
      <c r="AE135" s="405" t="s">
        <v>324</v>
      </c>
      <c r="AF135" s="490"/>
      <c r="AG135" s="490"/>
      <c r="AH135" s="405" t="s">
        <v>326</v>
      </c>
      <c r="AI135" s="418"/>
      <c r="AJ135" s="418"/>
      <c r="AK135" s="394"/>
      <c r="AL135" s="405" t="s">
        <v>324</v>
      </c>
      <c r="AM135" s="490">
        <v>1041</v>
      </c>
      <c r="AN135" s="490"/>
      <c r="AO135" s="405" t="s">
        <v>326</v>
      </c>
      <c r="AP135" s="418"/>
      <c r="AQ135" s="405"/>
      <c r="AR135" s="405"/>
      <c r="AS135" s="394"/>
      <c r="AT135" s="418"/>
      <c r="AU135" s="418"/>
      <c r="AV135" s="418"/>
      <c r="AW135" s="418"/>
      <c r="AX135" s="418"/>
      <c r="AY135" s="418"/>
      <c r="AZ135" s="418"/>
      <c r="BA135" s="418"/>
      <c r="BB135" s="418"/>
      <c r="BC135" s="418"/>
      <c r="BD135" s="418"/>
      <c r="BE135" s="418"/>
      <c r="BF135" s="418"/>
      <c r="BG135" s="418"/>
      <c r="BH135" s="418"/>
      <c r="BI135" s="412"/>
    </row>
    <row r="136" spans="1:61" ht="13.5" customHeight="1">
      <c r="A136" s="387"/>
      <c r="B136" s="388"/>
      <c r="C136" s="388"/>
      <c r="D136" s="388"/>
      <c r="E136" s="388"/>
      <c r="F136" s="388"/>
      <c r="G136" s="389"/>
      <c r="H136" s="390"/>
      <c r="I136" s="429" t="s">
        <v>327</v>
      </c>
      <c r="J136" s="429"/>
      <c r="K136" s="429"/>
      <c r="L136" s="429"/>
      <c r="M136" s="432"/>
      <c r="N136" s="433"/>
      <c r="O136" s="433"/>
      <c r="P136" s="433"/>
      <c r="Q136" s="433"/>
      <c r="R136" s="433"/>
      <c r="S136" s="433"/>
      <c r="T136" s="433"/>
      <c r="U136" s="433"/>
      <c r="V136" s="433"/>
      <c r="W136" s="392"/>
      <c r="X136" s="390"/>
      <c r="Y136" s="405" t="s">
        <v>328</v>
      </c>
      <c r="Z136" s="405"/>
      <c r="AA136" s="405" t="s">
        <v>317</v>
      </c>
      <c r="AB136" s="473"/>
      <c r="AC136" s="473"/>
      <c r="AD136" s="473"/>
      <c r="AE136" s="473"/>
      <c r="AF136" s="473"/>
      <c r="AG136" s="473"/>
      <c r="AH136" s="473"/>
      <c r="AI136" s="473"/>
      <c r="AJ136" s="473"/>
      <c r="AK136" s="473"/>
      <c r="AL136" s="405" t="s">
        <v>318</v>
      </c>
      <c r="AM136" s="405" t="s">
        <v>329</v>
      </c>
      <c r="AN136" s="405"/>
      <c r="AO136" s="405" t="s">
        <v>317</v>
      </c>
      <c r="AP136" s="473"/>
      <c r="AQ136" s="473"/>
      <c r="AR136" s="473"/>
      <c r="AS136" s="405" t="s">
        <v>318</v>
      </c>
      <c r="AT136" s="405" t="s">
        <v>330</v>
      </c>
      <c r="AU136" s="405"/>
      <c r="AV136" s="405"/>
      <c r="AW136" s="405"/>
      <c r="AX136" s="405" t="s">
        <v>317</v>
      </c>
      <c r="AY136" s="473"/>
      <c r="AZ136" s="473"/>
      <c r="BA136" s="473"/>
      <c r="BB136" s="473"/>
      <c r="BC136" s="473"/>
      <c r="BD136" s="473"/>
      <c r="BE136" s="473"/>
      <c r="BF136" s="473"/>
      <c r="BG136" s="473"/>
      <c r="BH136" s="473"/>
      <c r="BI136" s="412" t="s">
        <v>318</v>
      </c>
    </row>
    <row r="137" spans="1:61" ht="13.5" customHeight="1">
      <c r="A137" s="387"/>
      <c r="B137" s="388"/>
      <c r="C137" s="388"/>
      <c r="D137" s="388"/>
      <c r="E137" s="388"/>
      <c r="F137" s="388"/>
      <c r="G137" s="389"/>
      <c r="H137" s="390"/>
      <c r="I137" s="429"/>
      <c r="J137" s="429"/>
      <c r="K137" s="429"/>
      <c r="L137" s="429"/>
      <c r="M137" s="432"/>
      <c r="N137" s="433"/>
      <c r="O137" s="433"/>
      <c r="P137" s="433"/>
      <c r="Q137" s="433"/>
      <c r="R137" s="433"/>
      <c r="S137" s="433"/>
      <c r="T137" s="433"/>
      <c r="U137" s="433"/>
      <c r="V137" s="433"/>
      <c r="W137" s="392"/>
      <c r="X137" s="390"/>
      <c r="Y137" s="405" t="s">
        <v>331</v>
      </c>
      <c r="Z137" s="405"/>
      <c r="AA137" s="405" t="s">
        <v>332</v>
      </c>
      <c r="AB137" s="405"/>
      <c r="AC137" s="405"/>
      <c r="AD137" s="405"/>
      <c r="AE137" s="405" t="s">
        <v>166</v>
      </c>
      <c r="AF137" s="473"/>
      <c r="AG137" s="473"/>
      <c r="AH137" s="405" t="s">
        <v>333</v>
      </c>
      <c r="AI137" s="473"/>
      <c r="AJ137" s="473"/>
      <c r="AK137" s="405" t="s">
        <v>334</v>
      </c>
      <c r="AL137" s="405" t="s">
        <v>335</v>
      </c>
      <c r="AM137" s="405" t="s">
        <v>106</v>
      </c>
      <c r="AN137" s="405"/>
      <c r="AO137" s="405"/>
      <c r="AP137" s="405" t="s">
        <v>336</v>
      </c>
      <c r="AQ137" s="473" t="s">
        <v>337</v>
      </c>
      <c r="AR137" s="473"/>
      <c r="AS137" s="473"/>
      <c r="AT137" s="473"/>
      <c r="AU137" s="473"/>
      <c r="AV137" s="473"/>
      <c r="AW137" s="473"/>
      <c r="AX137" s="473"/>
      <c r="AY137" s="473"/>
      <c r="AZ137" s="473"/>
      <c r="BA137" s="473"/>
      <c r="BB137" s="473"/>
      <c r="BC137" s="473"/>
      <c r="BD137" s="473"/>
      <c r="BE137" s="473"/>
      <c r="BF137" s="473"/>
      <c r="BG137" s="473"/>
      <c r="BH137" s="473"/>
      <c r="BI137" s="412" t="s">
        <v>335</v>
      </c>
    </row>
    <row r="138" spans="1:61" ht="13.5" customHeight="1">
      <c r="A138" s="387"/>
      <c r="B138" s="388"/>
      <c r="C138" s="388"/>
      <c r="D138" s="388"/>
      <c r="E138" s="388"/>
      <c r="F138" s="388"/>
      <c r="G138" s="389"/>
      <c r="H138" s="390"/>
      <c r="I138" s="429" t="s">
        <v>338</v>
      </c>
      <c r="J138" s="429"/>
      <c r="K138" s="429"/>
      <c r="L138" s="429"/>
      <c r="M138" s="432"/>
      <c r="N138" s="433"/>
      <c r="O138" s="433"/>
      <c r="P138" s="433"/>
      <c r="Q138" s="433"/>
      <c r="R138" s="433"/>
      <c r="S138" s="433"/>
      <c r="T138" s="433"/>
      <c r="U138" s="433"/>
      <c r="V138" s="433"/>
      <c r="W138" s="392"/>
      <c r="X138" s="390"/>
      <c r="Y138" s="405" t="s">
        <v>339</v>
      </c>
      <c r="Z138" s="405"/>
      <c r="AA138" s="405"/>
      <c r="AB138" s="405"/>
      <c r="AC138" s="405" t="s">
        <v>336</v>
      </c>
      <c r="AD138" s="405"/>
      <c r="AE138" s="405" t="s">
        <v>340</v>
      </c>
      <c r="AF138" s="405"/>
      <c r="AG138" s="405"/>
      <c r="AH138" s="405"/>
      <c r="AI138" s="405"/>
      <c r="AJ138" s="405"/>
      <c r="AK138" s="405"/>
      <c r="AL138" s="405" t="s">
        <v>341</v>
      </c>
      <c r="AM138" s="405"/>
      <c r="AN138" s="405"/>
      <c r="AO138" s="405"/>
      <c r="AP138" s="405"/>
      <c r="AQ138" s="405"/>
      <c r="AR138" s="405"/>
      <c r="AS138" s="405"/>
      <c r="AT138" s="405" t="s">
        <v>150</v>
      </c>
      <c r="AU138" s="405"/>
      <c r="AV138" s="405"/>
      <c r="AW138" s="405"/>
      <c r="AX138" s="405"/>
      <c r="AY138" s="405" t="s">
        <v>106</v>
      </c>
      <c r="AZ138" s="405"/>
      <c r="BA138" s="405"/>
      <c r="BB138" s="405" t="s">
        <v>336</v>
      </c>
      <c r="BC138" s="405"/>
      <c r="BD138" s="405"/>
      <c r="BE138" s="405"/>
      <c r="BF138" s="405"/>
      <c r="BG138" s="405"/>
      <c r="BH138" s="405"/>
      <c r="BI138" s="412" t="s">
        <v>335</v>
      </c>
    </row>
    <row r="139" spans="1:61" ht="13.5" customHeight="1">
      <c r="A139" s="387"/>
      <c r="B139" s="388"/>
      <c r="C139" s="388"/>
      <c r="D139" s="388"/>
      <c r="E139" s="388"/>
      <c r="F139" s="388"/>
      <c r="G139" s="389"/>
      <c r="H139" s="390"/>
      <c r="I139" s="429"/>
      <c r="J139" s="429"/>
      <c r="K139" s="429"/>
      <c r="L139" s="429"/>
      <c r="M139" s="432"/>
      <c r="N139" s="433"/>
      <c r="O139" s="433"/>
      <c r="P139" s="433"/>
      <c r="Q139" s="433"/>
      <c r="R139" s="433"/>
      <c r="S139" s="433"/>
      <c r="T139" s="433"/>
      <c r="U139" s="433"/>
      <c r="V139" s="433"/>
      <c r="W139" s="392"/>
      <c r="X139" s="390"/>
      <c r="Y139" s="405" t="s">
        <v>330</v>
      </c>
      <c r="Z139" s="405"/>
      <c r="AA139" s="405"/>
      <c r="AB139" s="405"/>
      <c r="AC139" s="405" t="s">
        <v>336</v>
      </c>
      <c r="AD139" s="405"/>
      <c r="AE139" s="405" t="s">
        <v>248</v>
      </c>
      <c r="AF139" s="405"/>
      <c r="AG139" s="405"/>
      <c r="AH139" s="405"/>
      <c r="AI139" s="405"/>
      <c r="AJ139" s="405"/>
      <c r="AK139" s="405"/>
      <c r="AL139" s="405" t="s">
        <v>150</v>
      </c>
      <c r="AM139" s="405"/>
      <c r="AN139" s="405"/>
      <c r="AO139" s="405"/>
      <c r="AP139" s="405"/>
      <c r="AQ139" s="405"/>
      <c r="AR139" s="405" t="s">
        <v>106</v>
      </c>
      <c r="AS139" s="405"/>
      <c r="AT139" s="405"/>
      <c r="AU139" s="405" t="s">
        <v>336</v>
      </c>
      <c r="AV139" s="473"/>
      <c r="AW139" s="473"/>
      <c r="AX139" s="473"/>
      <c r="AY139" s="473"/>
      <c r="AZ139" s="473"/>
      <c r="BA139" s="473"/>
      <c r="BB139" s="473"/>
      <c r="BC139" s="473"/>
      <c r="BD139" s="473"/>
      <c r="BE139" s="473"/>
      <c r="BF139" s="473"/>
      <c r="BG139" s="473"/>
      <c r="BH139" s="473"/>
      <c r="BI139" s="412" t="s">
        <v>335</v>
      </c>
    </row>
    <row r="140" spans="1:61" ht="13.5" customHeight="1">
      <c r="A140" s="387"/>
      <c r="B140" s="388"/>
      <c r="C140" s="388"/>
      <c r="D140" s="388"/>
      <c r="E140" s="388"/>
      <c r="F140" s="388"/>
      <c r="G140" s="389"/>
      <c r="H140" s="390"/>
      <c r="I140" s="429"/>
      <c r="J140" s="429"/>
      <c r="K140" s="429"/>
      <c r="L140" s="429"/>
      <c r="M140" s="432"/>
      <c r="N140" s="433"/>
      <c r="O140" s="433"/>
      <c r="P140" s="433"/>
      <c r="Q140" s="433"/>
      <c r="R140" s="433"/>
      <c r="S140" s="433"/>
      <c r="T140" s="433"/>
      <c r="U140" s="433"/>
      <c r="V140" s="433"/>
      <c r="W140" s="392"/>
      <c r="X140" s="390"/>
      <c r="Y140" s="405" t="s">
        <v>329</v>
      </c>
      <c r="Z140" s="405"/>
      <c r="AA140" s="405" t="s">
        <v>336</v>
      </c>
      <c r="AB140" s="473"/>
      <c r="AC140" s="473"/>
      <c r="AD140" s="473"/>
      <c r="AE140" s="473"/>
      <c r="AF140" s="473"/>
      <c r="AG140" s="473"/>
      <c r="AH140" s="405" t="s">
        <v>335</v>
      </c>
      <c r="AI140" s="405"/>
      <c r="AJ140" s="405" t="s">
        <v>244</v>
      </c>
      <c r="AK140" s="405"/>
      <c r="AL140" s="405"/>
      <c r="AM140" s="405"/>
      <c r="AN140" s="405" t="s">
        <v>342</v>
      </c>
      <c r="AO140" s="405"/>
      <c r="AP140" s="517"/>
      <c r="AQ140" s="517"/>
      <c r="AR140" s="517"/>
      <c r="AS140" s="405" t="s">
        <v>343</v>
      </c>
      <c r="AT140" s="405"/>
      <c r="AU140" s="405"/>
      <c r="AV140" s="405"/>
      <c r="AW140" s="405"/>
      <c r="AX140" s="405"/>
      <c r="AY140" s="405"/>
      <c r="AZ140" s="405"/>
      <c r="BA140" s="405"/>
      <c r="BB140" s="405"/>
      <c r="BC140" s="405"/>
      <c r="BD140" s="405"/>
      <c r="BE140" s="405"/>
      <c r="BF140" s="405"/>
      <c r="BG140" s="405"/>
      <c r="BH140" s="405"/>
      <c r="BI140" s="412"/>
    </row>
    <row r="141" spans="1:61" ht="13.5" customHeight="1">
      <c r="A141" s="387"/>
      <c r="B141" s="388"/>
      <c r="C141" s="388"/>
      <c r="D141" s="388"/>
      <c r="E141" s="388"/>
      <c r="F141" s="388"/>
      <c r="G141" s="389"/>
      <c r="H141" s="390"/>
      <c r="I141" s="391" t="s">
        <v>106</v>
      </c>
      <c r="J141" s="391"/>
      <c r="K141" s="391"/>
      <c r="L141" s="391" t="s">
        <v>336</v>
      </c>
      <c r="M141" s="473" t="s">
        <v>344</v>
      </c>
      <c r="N141" s="473"/>
      <c r="O141" s="473"/>
      <c r="P141" s="473"/>
      <c r="Q141" s="473"/>
      <c r="R141" s="473"/>
      <c r="S141" s="473"/>
      <c r="T141" s="473"/>
      <c r="U141" s="473"/>
      <c r="V141" s="473"/>
      <c r="W141" s="392" t="s">
        <v>335</v>
      </c>
      <c r="X141" s="390"/>
      <c r="Y141" s="405" t="s">
        <v>106</v>
      </c>
      <c r="Z141" s="405"/>
      <c r="AA141" s="405"/>
      <c r="AB141" s="471" t="s">
        <v>356</v>
      </c>
      <c r="AC141" s="507"/>
      <c r="AD141" s="507"/>
      <c r="AE141" s="507"/>
      <c r="AF141" s="507"/>
      <c r="AG141" s="507"/>
      <c r="AH141" s="507"/>
      <c r="AI141" s="507"/>
      <c r="AJ141" s="507"/>
      <c r="AK141" s="507"/>
      <c r="AL141" s="507"/>
      <c r="AM141" s="507"/>
      <c r="AN141" s="507"/>
      <c r="AO141" s="507"/>
      <c r="AP141" s="507"/>
      <c r="AQ141" s="507"/>
      <c r="AR141" s="507"/>
      <c r="AS141" s="507"/>
      <c r="AT141" s="507"/>
      <c r="AU141" s="507"/>
      <c r="AV141" s="507"/>
      <c r="AW141" s="507"/>
      <c r="AX141" s="507"/>
      <c r="AY141" s="507"/>
      <c r="AZ141" s="507"/>
      <c r="BA141" s="507"/>
      <c r="BB141" s="507"/>
      <c r="BC141" s="507"/>
      <c r="BD141" s="507"/>
      <c r="BE141" s="507"/>
      <c r="BF141" s="507"/>
      <c r="BG141" s="507"/>
      <c r="BH141" s="507"/>
      <c r="BI141" s="508"/>
    </row>
    <row r="142" spans="1:61" ht="13.5" customHeight="1">
      <c r="A142" s="387"/>
      <c r="B142" s="388"/>
      <c r="C142" s="388"/>
      <c r="D142" s="388"/>
      <c r="E142" s="388"/>
      <c r="F142" s="388"/>
      <c r="G142" s="389"/>
      <c r="H142" s="390"/>
      <c r="I142" s="391"/>
      <c r="J142" s="391"/>
      <c r="K142" s="391"/>
      <c r="L142" s="391"/>
      <c r="M142" s="391"/>
      <c r="N142" s="391"/>
      <c r="O142" s="391"/>
      <c r="P142" s="391"/>
      <c r="Q142" s="391"/>
      <c r="R142" s="391"/>
      <c r="S142" s="391"/>
      <c r="T142" s="391"/>
      <c r="U142" s="391"/>
      <c r="V142" s="391"/>
      <c r="W142" s="392"/>
      <c r="X142" s="390"/>
      <c r="Y142" s="405"/>
      <c r="Z142" s="405"/>
      <c r="AA142" s="405"/>
      <c r="AB142" s="507"/>
      <c r="AC142" s="507"/>
      <c r="AD142" s="507"/>
      <c r="AE142" s="507"/>
      <c r="AF142" s="507"/>
      <c r="AG142" s="507"/>
      <c r="AH142" s="507"/>
      <c r="AI142" s="507"/>
      <c r="AJ142" s="507"/>
      <c r="AK142" s="507"/>
      <c r="AL142" s="507"/>
      <c r="AM142" s="507"/>
      <c r="AN142" s="507"/>
      <c r="AO142" s="507"/>
      <c r="AP142" s="507"/>
      <c r="AQ142" s="507"/>
      <c r="AR142" s="507"/>
      <c r="AS142" s="507"/>
      <c r="AT142" s="507"/>
      <c r="AU142" s="507"/>
      <c r="AV142" s="507"/>
      <c r="AW142" s="507"/>
      <c r="AX142" s="507"/>
      <c r="AY142" s="507"/>
      <c r="AZ142" s="507"/>
      <c r="BA142" s="507"/>
      <c r="BB142" s="507"/>
      <c r="BC142" s="507"/>
      <c r="BD142" s="507"/>
      <c r="BE142" s="507"/>
      <c r="BF142" s="507"/>
      <c r="BG142" s="507"/>
      <c r="BH142" s="507"/>
      <c r="BI142" s="508"/>
    </row>
    <row r="143" spans="1:61" ht="13.5" customHeight="1">
      <c r="A143" s="387"/>
      <c r="B143" s="388"/>
      <c r="C143" s="388"/>
      <c r="D143" s="388"/>
      <c r="E143" s="388"/>
      <c r="F143" s="388"/>
      <c r="G143" s="389"/>
      <c r="H143" s="390"/>
      <c r="I143" s="391"/>
      <c r="J143" s="391"/>
      <c r="K143" s="391"/>
      <c r="L143" s="391"/>
      <c r="M143" s="391"/>
      <c r="N143" s="391"/>
      <c r="O143" s="391"/>
      <c r="P143" s="391"/>
      <c r="Q143" s="391"/>
      <c r="R143" s="391"/>
      <c r="S143" s="391"/>
      <c r="T143" s="391"/>
      <c r="U143" s="391"/>
      <c r="V143" s="391"/>
      <c r="W143" s="392"/>
      <c r="X143" s="390"/>
      <c r="Y143" s="405"/>
      <c r="Z143" s="405"/>
      <c r="AA143" s="405"/>
      <c r="AB143" s="405"/>
      <c r="AC143" s="405"/>
      <c r="AD143" s="405"/>
      <c r="AE143" s="405"/>
      <c r="AF143" s="405"/>
      <c r="AG143" s="405"/>
      <c r="AH143" s="405"/>
      <c r="AI143" s="405"/>
      <c r="AJ143" s="405"/>
      <c r="AK143" s="405"/>
      <c r="AL143" s="405"/>
      <c r="AM143" s="405"/>
      <c r="AN143" s="405"/>
      <c r="AO143" s="405"/>
      <c r="AP143" s="405"/>
      <c r="AQ143" s="405"/>
      <c r="AR143" s="405"/>
      <c r="AS143" s="405"/>
      <c r="AT143" s="405"/>
      <c r="AU143" s="405"/>
      <c r="AV143" s="405"/>
      <c r="AW143" s="405"/>
      <c r="AX143" s="405"/>
      <c r="AY143" s="405"/>
      <c r="AZ143" s="405"/>
      <c r="BA143" s="405"/>
      <c r="BB143" s="405"/>
      <c r="BC143" s="405"/>
      <c r="BD143" s="405"/>
      <c r="BE143" s="405"/>
      <c r="BF143" s="405"/>
      <c r="BG143" s="405"/>
      <c r="BH143" s="405"/>
      <c r="BI143" s="412"/>
    </row>
    <row r="144" spans="1:61" ht="13.5" customHeight="1">
      <c r="A144" s="396"/>
      <c r="B144" s="397"/>
      <c r="C144" s="397"/>
      <c r="D144" s="397"/>
      <c r="E144" s="397"/>
      <c r="F144" s="397"/>
      <c r="G144" s="398"/>
      <c r="H144" s="399"/>
      <c r="I144" s="400"/>
      <c r="J144" s="400"/>
      <c r="K144" s="400"/>
      <c r="L144" s="400"/>
      <c r="M144" s="400"/>
      <c r="N144" s="400"/>
      <c r="O144" s="400"/>
      <c r="P144" s="400"/>
      <c r="Q144" s="400"/>
      <c r="R144" s="400"/>
      <c r="S144" s="400"/>
      <c r="T144" s="400"/>
      <c r="U144" s="400"/>
      <c r="V144" s="400"/>
      <c r="W144" s="401"/>
      <c r="X144" s="399"/>
      <c r="Y144" s="415"/>
      <c r="Z144" s="415"/>
      <c r="AA144" s="415"/>
      <c r="AB144" s="415"/>
      <c r="AC144" s="415"/>
      <c r="AD144" s="415"/>
      <c r="AE144" s="415"/>
      <c r="AF144" s="415"/>
      <c r="AG144" s="415"/>
      <c r="AH144" s="415"/>
      <c r="AI144" s="415"/>
      <c r="AJ144" s="415"/>
      <c r="AK144" s="415"/>
      <c r="AL144" s="415"/>
      <c r="AM144" s="415"/>
      <c r="AN144" s="415"/>
      <c r="AO144" s="415"/>
      <c r="AP144" s="415"/>
      <c r="AQ144" s="415"/>
      <c r="AR144" s="415"/>
      <c r="AS144" s="415"/>
      <c r="AT144" s="415"/>
      <c r="AU144" s="415"/>
      <c r="AV144" s="415"/>
      <c r="AW144" s="415"/>
      <c r="AX144" s="415"/>
      <c r="AY144" s="415"/>
      <c r="AZ144" s="415"/>
      <c r="BA144" s="415"/>
      <c r="BB144" s="415"/>
      <c r="BC144" s="415"/>
      <c r="BD144" s="415"/>
      <c r="BE144" s="415"/>
      <c r="BF144" s="415"/>
      <c r="BG144" s="415"/>
      <c r="BH144" s="415"/>
      <c r="BI144" s="416"/>
    </row>
    <row r="145" spans="1:61" ht="13.5" customHeight="1">
      <c r="A145" s="478" t="s">
        <v>345</v>
      </c>
      <c r="B145" s="479"/>
      <c r="C145" s="479"/>
      <c r="D145" s="479"/>
      <c r="E145" s="479"/>
      <c r="F145" s="479"/>
      <c r="G145" s="480"/>
      <c r="H145" s="390"/>
      <c r="I145" s="391"/>
      <c r="J145" s="391"/>
      <c r="K145" s="391"/>
      <c r="L145" s="391"/>
      <c r="M145" s="391"/>
      <c r="N145" s="391"/>
      <c r="O145" s="391"/>
      <c r="P145" s="391"/>
      <c r="Q145" s="391"/>
      <c r="R145" s="391"/>
      <c r="S145" s="391"/>
      <c r="T145" s="391"/>
      <c r="U145" s="391"/>
      <c r="V145" s="391"/>
      <c r="W145" s="392"/>
      <c r="X145" s="390"/>
      <c r="Y145" s="513" t="s">
        <v>346</v>
      </c>
      <c r="Z145" s="514"/>
      <c r="AA145" s="514"/>
      <c r="AB145" s="514"/>
      <c r="AC145" s="514"/>
      <c r="AD145" s="514"/>
      <c r="AE145" s="514"/>
      <c r="AF145" s="514"/>
      <c r="AG145" s="514"/>
      <c r="AH145" s="514"/>
      <c r="AI145" s="514"/>
      <c r="AJ145" s="514"/>
      <c r="AK145" s="514"/>
      <c r="AL145" s="514"/>
      <c r="AM145" s="514"/>
      <c r="AN145" s="514"/>
      <c r="AO145" s="514"/>
      <c r="AP145" s="514"/>
      <c r="AQ145" s="514"/>
      <c r="AR145" s="514"/>
      <c r="AS145" s="514"/>
      <c r="AT145" s="514"/>
      <c r="AU145" s="514"/>
      <c r="AV145" s="514"/>
      <c r="AW145" s="514"/>
      <c r="AX145" s="514"/>
      <c r="AY145" s="514"/>
      <c r="AZ145" s="514"/>
      <c r="BA145" s="514"/>
      <c r="BB145" s="514"/>
      <c r="BC145" s="514"/>
      <c r="BD145" s="514"/>
      <c r="BE145" s="514"/>
      <c r="BF145" s="514"/>
      <c r="BG145" s="514"/>
      <c r="BH145" s="514"/>
      <c r="BI145" s="515"/>
    </row>
    <row r="146" spans="1:61" ht="13.5" customHeight="1">
      <c r="A146" s="387"/>
      <c r="B146" s="444"/>
      <c r="C146" s="444"/>
      <c r="D146" s="444"/>
      <c r="E146" s="444"/>
      <c r="F146" s="444"/>
      <c r="G146" s="445"/>
      <c r="H146" s="390"/>
      <c r="I146" s="391"/>
      <c r="J146" s="391"/>
      <c r="K146" s="391"/>
      <c r="L146" s="391"/>
      <c r="M146" s="391"/>
      <c r="N146" s="391"/>
      <c r="O146" s="391"/>
      <c r="P146" s="391"/>
      <c r="Q146" s="391"/>
      <c r="R146" s="391"/>
      <c r="S146" s="391"/>
      <c r="T146" s="391"/>
      <c r="U146" s="391"/>
      <c r="V146" s="391"/>
      <c r="W146" s="392"/>
      <c r="X146" s="390"/>
      <c r="Y146" s="405" t="s">
        <v>347</v>
      </c>
      <c r="Z146" s="446"/>
      <c r="AA146" s="446"/>
      <c r="AB146" s="446"/>
      <c r="AC146" s="446"/>
      <c r="AD146" s="446"/>
      <c r="AE146" s="446"/>
      <c r="AF146" s="446"/>
      <c r="AG146" s="446"/>
      <c r="AH146" s="446"/>
      <c r="AI146" s="446"/>
      <c r="AJ146" s="446"/>
      <c r="AK146" s="446"/>
      <c r="AL146" s="446"/>
      <c r="AM146" s="446"/>
      <c r="AN146" s="446"/>
      <c r="AO146" s="446"/>
      <c r="AP146" s="446"/>
      <c r="AQ146" s="446"/>
      <c r="AR146" s="446"/>
      <c r="AS146" s="446"/>
      <c r="AT146" s="446"/>
      <c r="AU146" s="446"/>
      <c r="AV146" s="446"/>
      <c r="AW146" s="446"/>
      <c r="AX146" s="446"/>
      <c r="AY146" s="446"/>
      <c r="AZ146" s="446"/>
      <c r="BA146" s="446"/>
      <c r="BB146" s="446"/>
      <c r="BC146" s="446"/>
      <c r="BD146" s="446"/>
      <c r="BE146" s="446"/>
      <c r="BF146" s="446"/>
      <c r="BG146" s="446"/>
      <c r="BH146" s="446"/>
      <c r="BI146" s="404"/>
    </row>
    <row r="147" spans="1:61" ht="13.5" customHeight="1">
      <c r="A147" s="387"/>
      <c r="B147" s="444"/>
      <c r="C147" s="444"/>
      <c r="D147" s="444"/>
      <c r="E147" s="444"/>
      <c r="F147" s="444"/>
      <c r="G147" s="445"/>
      <c r="H147" s="390"/>
      <c r="I147" s="391"/>
      <c r="J147" s="391"/>
      <c r="K147" s="391"/>
      <c r="L147" s="391"/>
      <c r="M147" s="391"/>
      <c r="N147" s="391"/>
      <c r="O147" s="391"/>
      <c r="P147" s="391"/>
      <c r="Q147" s="391"/>
      <c r="R147" s="391"/>
      <c r="S147" s="391"/>
      <c r="T147" s="391"/>
      <c r="U147" s="391"/>
      <c r="V147" s="391"/>
      <c r="W147" s="392"/>
      <c r="X147" s="390"/>
      <c r="Y147" s="447" t="s">
        <v>348</v>
      </c>
      <c r="Z147" s="446"/>
      <c r="AA147" s="446"/>
      <c r="AB147" s="446"/>
      <c r="AC147" s="446"/>
      <c r="AD147" s="446"/>
      <c r="AE147" s="446"/>
      <c r="AF147" s="446"/>
      <c r="AG147" s="446"/>
      <c r="AH147" s="446"/>
      <c r="AI147" s="446"/>
      <c r="AJ147" s="446"/>
      <c r="AK147" s="446"/>
      <c r="AL147" s="446"/>
      <c r="AM147" s="446"/>
      <c r="AN147" s="446"/>
      <c r="AO147" s="446"/>
      <c r="AP147" s="446"/>
      <c r="AQ147" s="446"/>
      <c r="AR147" s="446"/>
      <c r="AS147" s="446"/>
      <c r="AT147" s="446"/>
      <c r="AU147" s="446"/>
      <c r="AV147" s="446"/>
      <c r="AW147" s="446"/>
      <c r="AX147" s="446"/>
      <c r="AY147" s="446"/>
      <c r="AZ147" s="446"/>
      <c r="BA147" s="446"/>
      <c r="BB147" s="446"/>
      <c r="BC147" s="446"/>
      <c r="BD147" s="446"/>
      <c r="BE147" s="446"/>
      <c r="BF147" s="446"/>
      <c r="BG147" s="446"/>
      <c r="BH147" s="446"/>
      <c r="BI147" s="404"/>
    </row>
    <row r="148" spans="1:61" ht="13.5" customHeight="1">
      <c r="A148" s="387"/>
      <c r="B148" s="444"/>
      <c r="C148" s="444"/>
      <c r="D148" s="444"/>
      <c r="E148" s="444"/>
      <c r="F148" s="444"/>
      <c r="G148" s="445"/>
      <c r="H148" s="390"/>
      <c r="I148" s="391"/>
      <c r="J148" s="391"/>
      <c r="K148" s="391"/>
      <c r="L148" s="391"/>
      <c r="M148" s="391"/>
      <c r="N148" s="391"/>
      <c r="O148" s="391"/>
      <c r="P148" s="391"/>
      <c r="Q148" s="391"/>
      <c r="R148" s="391"/>
      <c r="S148" s="391"/>
      <c r="T148" s="391"/>
      <c r="U148" s="391"/>
      <c r="V148" s="391"/>
      <c r="W148" s="392"/>
      <c r="X148" s="390"/>
      <c r="Y148" s="405" t="s">
        <v>106</v>
      </c>
      <c r="Z148" s="446"/>
      <c r="AA148" s="446"/>
      <c r="AB148" s="446" t="s">
        <v>349</v>
      </c>
      <c r="AC148" s="516"/>
      <c r="AD148" s="516"/>
      <c r="AE148" s="516"/>
      <c r="AF148" s="516"/>
      <c r="AG148" s="516"/>
      <c r="AH148" s="516"/>
      <c r="AI148" s="516"/>
      <c r="AJ148" s="516"/>
      <c r="AK148" s="516"/>
      <c r="AL148" s="516"/>
      <c r="AM148" s="516"/>
      <c r="AN148" s="516"/>
      <c r="AO148" s="516"/>
      <c r="AP148" s="516"/>
      <c r="AQ148" s="516"/>
      <c r="AR148" s="516"/>
      <c r="AS148" s="516"/>
      <c r="AT148" s="516"/>
      <c r="AU148" s="516"/>
      <c r="AV148" s="516"/>
      <c r="AW148" s="516"/>
      <c r="AX148" s="516"/>
      <c r="AY148" s="516"/>
      <c r="AZ148" s="516"/>
      <c r="BA148" s="516"/>
      <c r="BB148" s="516"/>
      <c r="BC148" s="516"/>
      <c r="BD148" s="516"/>
      <c r="BE148" s="516"/>
      <c r="BF148" s="516"/>
      <c r="BG148" s="516"/>
      <c r="BH148" s="516"/>
      <c r="BI148" s="404" t="s">
        <v>350</v>
      </c>
    </row>
    <row r="149" spans="1:61" ht="13.5" customHeight="1">
      <c r="A149" s="387"/>
      <c r="B149" s="444"/>
      <c r="C149" s="444"/>
      <c r="D149" s="444"/>
      <c r="E149" s="444"/>
      <c r="F149" s="444"/>
      <c r="G149" s="445"/>
      <c r="H149" s="390"/>
      <c r="I149" s="391"/>
      <c r="J149" s="391"/>
      <c r="K149" s="391"/>
      <c r="L149" s="391"/>
      <c r="M149" s="391"/>
      <c r="N149" s="391"/>
      <c r="O149" s="391"/>
      <c r="P149" s="391"/>
      <c r="Q149" s="391"/>
      <c r="R149" s="391"/>
      <c r="S149" s="391"/>
      <c r="T149" s="391"/>
      <c r="U149" s="391"/>
      <c r="V149" s="391"/>
      <c r="W149" s="392"/>
      <c r="X149" s="390"/>
      <c r="Y149" s="405"/>
      <c r="Z149" s="446"/>
      <c r="AA149" s="446"/>
      <c r="AB149" s="446"/>
      <c r="AC149" s="516"/>
      <c r="AD149" s="516"/>
      <c r="AE149" s="516"/>
      <c r="AF149" s="516"/>
      <c r="AG149" s="516"/>
      <c r="AH149" s="516"/>
      <c r="AI149" s="516"/>
      <c r="AJ149" s="516"/>
      <c r="AK149" s="516"/>
      <c r="AL149" s="516"/>
      <c r="AM149" s="516"/>
      <c r="AN149" s="516"/>
      <c r="AO149" s="516"/>
      <c r="AP149" s="516"/>
      <c r="AQ149" s="516"/>
      <c r="AR149" s="516"/>
      <c r="AS149" s="516"/>
      <c r="AT149" s="516"/>
      <c r="AU149" s="516"/>
      <c r="AV149" s="516"/>
      <c r="AW149" s="516"/>
      <c r="AX149" s="516"/>
      <c r="AY149" s="516"/>
      <c r="AZ149" s="516"/>
      <c r="BA149" s="516"/>
      <c r="BB149" s="516"/>
      <c r="BC149" s="516"/>
      <c r="BD149" s="516"/>
      <c r="BE149" s="516"/>
      <c r="BF149" s="516"/>
      <c r="BG149" s="516"/>
      <c r="BH149" s="516"/>
      <c r="BI149" s="404"/>
    </row>
    <row r="150" spans="1:61" ht="13.5" customHeight="1">
      <c r="A150" s="387"/>
      <c r="B150" s="388"/>
      <c r="C150" s="388"/>
      <c r="D150" s="388"/>
      <c r="E150" s="388"/>
      <c r="F150" s="388"/>
      <c r="G150" s="389"/>
      <c r="H150" s="390"/>
      <c r="I150" s="391"/>
      <c r="J150" s="391"/>
      <c r="K150" s="391"/>
      <c r="L150" s="391"/>
      <c r="M150" s="391"/>
      <c r="N150" s="391"/>
      <c r="O150" s="391"/>
      <c r="P150" s="391"/>
      <c r="Q150" s="391"/>
      <c r="R150" s="391"/>
      <c r="S150" s="391"/>
      <c r="T150" s="391"/>
      <c r="U150" s="391"/>
      <c r="V150" s="391"/>
      <c r="W150" s="392"/>
      <c r="X150" s="390"/>
      <c r="Y150" s="405"/>
      <c r="Z150" s="405"/>
      <c r="AA150" s="405"/>
      <c r="AB150" s="405"/>
      <c r="AC150" s="512"/>
      <c r="AD150" s="512"/>
      <c r="AE150" s="512"/>
      <c r="AF150" s="512"/>
      <c r="AG150" s="512"/>
      <c r="AH150" s="512"/>
      <c r="AI150" s="512"/>
      <c r="AJ150" s="512"/>
      <c r="AK150" s="512"/>
      <c r="AL150" s="512"/>
      <c r="AM150" s="512"/>
      <c r="AN150" s="512"/>
      <c r="AO150" s="512"/>
      <c r="AP150" s="512"/>
      <c r="AQ150" s="512"/>
      <c r="AR150" s="512"/>
      <c r="AS150" s="512"/>
      <c r="AT150" s="512"/>
      <c r="AU150" s="512"/>
      <c r="AV150" s="512"/>
      <c r="AW150" s="512"/>
      <c r="AX150" s="512"/>
      <c r="AY150" s="512"/>
      <c r="AZ150" s="512"/>
      <c r="BA150" s="512"/>
      <c r="BB150" s="512"/>
      <c r="BC150" s="512"/>
      <c r="BD150" s="512"/>
      <c r="BE150" s="512"/>
      <c r="BF150" s="512"/>
      <c r="BG150" s="512"/>
      <c r="BH150" s="512"/>
      <c r="BI150" s="412"/>
    </row>
    <row r="151" spans="1:61" ht="13.5" customHeight="1">
      <c r="A151" s="396"/>
      <c r="B151" s="397"/>
      <c r="C151" s="397"/>
      <c r="D151" s="397"/>
      <c r="E151" s="397"/>
      <c r="F151" s="397"/>
      <c r="G151" s="398"/>
      <c r="H151" s="399"/>
      <c r="I151" s="400"/>
      <c r="J151" s="400"/>
      <c r="K151" s="400"/>
      <c r="L151" s="400"/>
      <c r="M151" s="400"/>
      <c r="N151" s="400"/>
      <c r="O151" s="400"/>
      <c r="P151" s="400"/>
      <c r="Q151" s="400"/>
      <c r="R151" s="400"/>
      <c r="S151" s="400"/>
      <c r="T151" s="400"/>
      <c r="U151" s="400"/>
      <c r="V151" s="400"/>
      <c r="W151" s="401"/>
      <c r="X151" s="399"/>
      <c r="Y151" s="415"/>
      <c r="Z151" s="415"/>
      <c r="AA151" s="415"/>
      <c r="AB151" s="415"/>
      <c r="AC151" s="415"/>
      <c r="AD151" s="415"/>
      <c r="AE151" s="415"/>
      <c r="AF151" s="415"/>
      <c r="AG151" s="415"/>
      <c r="AH151" s="415"/>
      <c r="AI151" s="415"/>
      <c r="AJ151" s="415"/>
      <c r="AK151" s="415"/>
      <c r="AL151" s="415"/>
      <c r="AM151" s="415"/>
      <c r="AN151" s="415"/>
      <c r="AO151" s="415"/>
      <c r="AP151" s="415"/>
      <c r="AQ151" s="415"/>
      <c r="AR151" s="415"/>
      <c r="AS151" s="415"/>
      <c r="AT151" s="415"/>
      <c r="AU151" s="415"/>
      <c r="AV151" s="415"/>
      <c r="AW151" s="415"/>
      <c r="AX151" s="415"/>
      <c r="AY151" s="415"/>
      <c r="AZ151" s="415"/>
      <c r="BA151" s="415"/>
      <c r="BB151" s="415"/>
      <c r="BC151" s="415"/>
      <c r="BD151" s="415"/>
      <c r="BE151" s="415"/>
      <c r="BF151" s="415"/>
      <c r="BG151" s="415"/>
      <c r="BH151" s="415"/>
      <c r="BI151" s="416"/>
    </row>
    <row r="152" spans="1:61" ht="13.5" customHeight="1">
      <c r="A152" s="394" t="s">
        <v>351</v>
      </c>
      <c r="B152" s="394"/>
      <c r="C152" s="394" t="s">
        <v>352</v>
      </c>
      <c r="D152" s="394"/>
      <c r="E152" s="394"/>
      <c r="F152" s="394"/>
      <c r="G152" s="394"/>
      <c r="H152" s="394"/>
      <c r="I152" s="394"/>
      <c r="J152" s="394"/>
      <c r="K152" s="394"/>
      <c r="L152" s="394"/>
      <c r="M152" s="394"/>
      <c r="N152" s="394"/>
      <c r="O152" s="394"/>
      <c r="P152" s="394"/>
      <c r="Q152" s="394"/>
      <c r="R152" s="394"/>
      <c r="S152" s="394"/>
      <c r="T152" s="394"/>
      <c r="U152" s="394"/>
      <c r="V152" s="394"/>
      <c r="W152" s="394"/>
      <c r="X152" s="394"/>
      <c r="Y152" s="394"/>
      <c r="Z152" s="394"/>
      <c r="AA152" s="394"/>
      <c r="AB152" s="394"/>
      <c r="AC152" s="394"/>
      <c r="AD152" s="394"/>
      <c r="AE152" s="394"/>
      <c r="AF152" s="394"/>
      <c r="AG152" s="394"/>
      <c r="AH152" s="394"/>
      <c r="AI152" s="394"/>
      <c r="AJ152" s="394"/>
      <c r="AK152" s="394"/>
      <c r="AL152" s="394"/>
      <c r="AM152" s="394"/>
      <c r="AN152" s="394"/>
      <c r="AO152" s="394"/>
      <c r="AP152" s="394"/>
      <c r="AQ152" s="394"/>
      <c r="AR152" s="394"/>
      <c r="AS152" s="394"/>
      <c r="AT152" s="394"/>
      <c r="AU152" s="394"/>
      <c r="AV152" s="394"/>
      <c r="AW152" s="394"/>
      <c r="AX152" s="394"/>
      <c r="AY152" s="394"/>
      <c r="AZ152" s="394"/>
      <c r="BA152" s="394"/>
      <c r="BB152" s="394"/>
      <c r="BC152" s="394"/>
      <c r="BD152" s="394"/>
      <c r="BE152" s="394"/>
      <c r="BF152" s="394"/>
      <c r="BG152" s="394"/>
      <c r="BH152" s="394"/>
      <c r="BI152" s="394"/>
    </row>
    <row r="153" spans="1:61" ht="13.5" customHeight="1">
      <c r="A153" s="394"/>
      <c r="B153" s="394"/>
      <c r="C153" s="394" t="s">
        <v>353</v>
      </c>
      <c r="D153" s="394"/>
      <c r="E153" s="394"/>
      <c r="F153" s="394"/>
      <c r="G153" s="394"/>
      <c r="H153" s="394"/>
      <c r="I153" s="394"/>
      <c r="J153" s="394"/>
      <c r="K153" s="394"/>
      <c r="L153" s="394"/>
      <c r="M153" s="394"/>
      <c r="N153" s="394"/>
      <c r="O153" s="394"/>
      <c r="P153" s="394"/>
      <c r="Q153" s="394"/>
      <c r="R153" s="394"/>
      <c r="S153" s="394"/>
      <c r="T153" s="394"/>
      <c r="U153" s="394"/>
      <c r="V153" s="394"/>
      <c r="W153" s="394"/>
      <c r="X153" s="394"/>
      <c r="Y153" s="394"/>
      <c r="Z153" s="394"/>
      <c r="AA153" s="394"/>
      <c r="AB153" s="394"/>
      <c r="AC153" s="394"/>
      <c r="AD153" s="394"/>
      <c r="AE153" s="394"/>
      <c r="AF153" s="394"/>
      <c r="AG153" s="394"/>
      <c r="AH153" s="394"/>
      <c r="AI153" s="394"/>
      <c r="AJ153" s="394"/>
      <c r="AK153" s="394"/>
      <c r="AL153" s="394"/>
      <c r="AM153" s="394"/>
      <c r="AN153" s="394"/>
      <c r="AO153" s="394"/>
      <c r="AP153" s="394"/>
      <c r="AQ153" s="394"/>
      <c r="AR153" s="394"/>
      <c r="AS153" s="394"/>
      <c r="AT153" s="394"/>
      <c r="AU153" s="394"/>
      <c r="AV153" s="394"/>
      <c r="AW153" s="394"/>
      <c r="AX153" s="394"/>
      <c r="AY153" s="394"/>
      <c r="AZ153" s="394"/>
      <c r="BA153" s="394"/>
      <c r="BB153" s="394"/>
      <c r="BC153" s="394"/>
      <c r="BD153" s="394"/>
      <c r="BE153" s="394"/>
      <c r="BF153" s="394"/>
      <c r="BG153" s="394"/>
      <c r="BH153" s="394"/>
      <c r="BI153" s="394"/>
    </row>
    <row r="154" spans="1:61" ht="13.5" customHeight="1">
      <c r="A154" s="394"/>
      <c r="B154" s="394"/>
      <c r="C154" s="394" t="s">
        <v>354</v>
      </c>
      <c r="D154" s="394"/>
      <c r="E154" s="394"/>
      <c r="F154" s="394"/>
      <c r="G154" s="394"/>
      <c r="H154" s="394"/>
      <c r="I154" s="394"/>
      <c r="J154" s="394"/>
      <c r="K154" s="394"/>
      <c r="L154" s="394"/>
      <c r="M154" s="394"/>
      <c r="N154" s="394"/>
      <c r="O154" s="394"/>
      <c r="P154" s="394"/>
      <c r="Q154" s="394"/>
      <c r="R154" s="394"/>
      <c r="S154" s="394"/>
      <c r="T154" s="394"/>
      <c r="U154" s="394"/>
      <c r="V154" s="394"/>
      <c r="W154" s="394"/>
      <c r="X154" s="394"/>
      <c r="Y154" s="394"/>
      <c r="Z154" s="394"/>
      <c r="AA154" s="394"/>
      <c r="AB154" s="394"/>
      <c r="AC154" s="394"/>
      <c r="AD154" s="394"/>
      <c r="AE154" s="394"/>
      <c r="AF154" s="394"/>
      <c r="AG154" s="394"/>
      <c r="AH154" s="394"/>
      <c r="AI154" s="394"/>
      <c r="AJ154" s="394"/>
      <c r="AK154" s="394"/>
      <c r="AL154" s="394"/>
      <c r="AM154" s="394"/>
      <c r="AN154" s="394"/>
      <c r="AO154" s="394"/>
      <c r="AP154" s="394"/>
      <c r="AQ154" s="394"/>
      <c r="AR154" s="394"/>
      <c r="AS154" s="394"/>
      <c r="AT154" s="394"/>
      <c r="AU154" s="394"/>
      <c r="AV154" s="394"/>
      <c r="AW154" s="394"/>
      <c r="AX154" s="394"/>
      <c r="AY154" s="394"/>
      <c r="AZ154" s="394"/>
      <c r="BA154" s="394"/>
      <c r="BB154" s="394"/>
      <c r="BC154" s="394"/>
      <c r="BD154" s="394"/>
      <c r="BE154" s="394"/>
      <c r="BF154" s="394"/>
      <c r="BG154" s="394"/>
      <c r="BH154" s="394"/>
      <c r="BI154" s="394"/>
    </row>
    <row r="155" spans="1:61" ht="13.5" customHeight="1"/>
    <row r="156" spans="1:61" ht="13.5" customHeight="1"/>
    <row r="157" spans="1:61" ht="13.5" customHeight="1"/>
    <row r="158" spans="1:61" ht="13.5" customHeight="1"/>
    <row r="159" spans="1:61" ht="13.5" customHeight="1"/>
    <row r="160" spans="1:61" ht="13.5" customHeight="1"/>
    <row r="161" ht="13.5" customHeight="1"/>
    <row r="162" ht="13.5" customHeight="1"/>
  </sheetData>
  <mergeCells count="118">
    <mergeCell ref="AC150:BH150"/>
    <mergeCell ref="M141:V141"/>
    <mergeCell ref="AB141:BI142"/>
    <mergeCell ref="A145:G145"/>
    <mergeCell ref="Y145:BI145"/>
    <mergeCell ref="AC148:BH148"/>
    <mergeCell ref="AC149:BH149"/>
    <mergeCell ref="AF137:AG137"/>
    <mergeCell ref="AI137:AJ137"/>
    <mergeCell ref="AQ137:BH137"/>
    <mergeCell ref="AV139:BH139"/>
    <mergeCell ref="AB140:AG140"/>
    <mergeCell ref="AP140:AR140"/>
    <mergeCell ref="AT134:BH134"/>
    <mergeCell ref="Z135:AA135"/>
    <mergeCell ref="AF135:AG135"/>
    <mergeCell ref="AM135:AN135"/>
    <mergeCell ref="AB136:AK136"/>
    <mergeCell ref="AP136:AR136"/>
    <mergeCell ref="AY136:BH136"/>
    <mergeCell ref="AC128:BH128"/>
    <mergeCell ref="A131:G131"/>
    <mergeCell ref="AD131:AN131"/>
    <mergeCell ref="AT131:BH131"/>
    <mergeCell ref="AC132:BH132"/>
    <mergeCell ref="AP133:AR133"/>
    <mergeCell ref="AY133:BH133"/>
    <mergeCell ref="AD113:BH113"/>
    <mergeCell ref="A119:G119"/>
    <mergeCell ref="AJ122:BC122"/>
    <mergeCell ref="I123:W124"/>
    <mergeCell ref="AF124:BH124"/>
    <mergeCell ref="AF126:BH126"/>
    <mergeCell ref="AE109:AN109"/>
    <mergeCell ref="AV109:BH109"/>
    <mergeCell ref="AE110:AN110"/>
    <mergeCell ref="AV110:BH110"/>
    <mergeCell ref="AD111:AN111"/>
    <mergeCell ref="AD112:BH112"/>
    <mergeCell ref="AC102:BH102"/>
    <mergeCell ref="A104:G105"/>
    <mergeCell ref="AG104:BH104"/>
    <mergeCell ref="AD105:BH105"/>
    <mergeCell ref="AC106:BH106"/>
    <mergeCell ref="A108:G108"/>
    <mergeCell ref="M95:V95"/>
    <mergeCell ref="AC95:BH95"/>
    <mergeCell ref="A98:G98"/>
    <mergeCell ref="AG100:AH100"/>
    <mergeCell ref="AJ100:AK100"/>
    <mergeCell ref="AC101:BH101"/>
    <mergeCell ref="AN89:AO89"/>
    <mergeCell ref="AF90:AK90"/>
    <mergeCell ref="AT90:BA90"/>
    <mergeCell ref="AD91:AK91"/>
    <mergeCell ref="AW93:BC93"/>
    <mergeCell ref="AG94:BH94"/>
    <mergeCell ref="A82:G83"/>
    <mergeCell ref="AK82:AL82"/>
    <mergeCell ref="I83:W84"/>
    <mergeCell ref="AI83:BC83"/>
    <mergeCell ref="AI85:BH85"/>
    <mergeCell ref="AT88:BH88"/>
    <mergeCell ref="AJ67:BC67"/>
    <mergeCell ref="AD68:AE68"/>
    <mergeCell ref="AD69:BH69"/>
    <mergeCell ref="AC70:BH70"/>
    <mergeCell ref="AJ72:BC72"/>
    <mergeCell ref="AC74:BH74"/>
    <mergeCell ref="AJ61:BC61"/>
    <mergeCell ref="AJ62:BH62"/>
    <mergeCell ref="AJ63:BH63"/>
    <mergeCell ref="M64:V64"/>
    <mergeCell ref="AC64:BH64"/>
    <mergeCell ref="A66:G66"/>
    <mergeCell ref="AF49:AH49"/>
    <mergeCell ref="BF55:BH55"/>
    <mergeCell ref="AG56:BH56"/>
    <mergeCell ref="AG57:BH57"/>
    <mergeCell ref="I58:W59"/>
    <mergeCell ref="AJ59:BC59"/>
    <mergeCell ref="AJ41:BC41"/>
    <mergeCell ref="M42:V42"/>
    <mergeCell ref="AC42:BH42"/>
    <mergeCell ref="A45:G45"/>
    <mergeCell ref="AJ46:BC46"/>
    <mergeCell ref="AJ48:AW48"/>
    <mergeCell ref="A33:G33"/>
    <mergeCell ref="AY34:BH34"/>
    <mergeCell ref="AF36:AK36"/>
    <mergeCell ref="AR36:BC36"/>
    <mergeCell ref="AR37:BC37"/>
    <mergeCell ref="AM39:BC39"/>
    <mergeCell ref="AS27:BC27"/>
    <mergeCell ref="AH28:BH28"/>
    <mergeCell ref="AK29:AL29"/>
    <mergeCell ref="AH30:BH30"/>
    <mergeCell ref="M31:V31"/>
    <mergeCell ref="AC31:BH31"/>
    <mergeCell ref="M23:V23"/>
    <mergeCell ref="AC23:BH23"/>
    <mergeCell ref="A25:G25"/>
    <mergeCell ref="AM25:AN25"/>
    <mergeCell ref="AQ25:AR25"/>
    <mergeCell ref="AI26:AJ26"/>
    <mergeCell ref="AL26:AM26"/>
    <mergeCell ref="I20:W21"/>
    <mergeCell ref="AF20:AL20"/>
    <mergeCell ref="AY20:BH20"/>
    <mergeCell ref="AD21:BH21"/>
    <mergeCell ref="AH22:AN22"/>
    <mergeCell ref="AZ22:BH22"/>
    <mergeCell ref="A1:G1"/>
    <mergeCell ref="H1:W1"/>
    <mergeCell ref="Y1:BH1"/>
    <mergeCell ref="A2:G2"/>
    <mergeCell ref="A17:G17"/>
    <mergeCell ref="AD19:BB19"/>
  </mergeCells>
  <phoneticPr fontId="80"/>
  <pageMargins left="0.7" right="0.7" top="0.75" bottom="0.75" header="0.3" footer="0.3"/>
  <pageSetup paperSize="9" scale="91" fitToWidth="0" orientation="landscape" horizontalDpi="4294967294" verticalDpi="0" r:id="rId1"/>
  <rowBreaks count="3" manualBreakCount="3">
    <brk id="44" max="16383" man="1"/>
    <brk id="81" max="16383" man="1"/>
    <brk id="118"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7409" r:id="rId4" name="Check Box 1">
              <controlPr defaultSize="0" autoFill="0" autoLine="0" autoPict="0">
                <anchor moveWithCells="1">
                  <from>
                    <xdr:col>36</xdr:col>
                    <xdr:colOff>161925</xdr:colOff>
                    <xdr:row>5</xdr:row>
                    <xdr:rowOff>152400</xdr:rowOff>
                  </from>
                  <to>
                    <xdr:col>38</xdr:col>
                    <xdr:colOff>104775</xdr:colOff>
                    <xdr:row>7</xdr:row>
                    <xdr:rowOff>38100</xdr:rowOff>
                  </to>
                </anchor>
              </controlPr>
            </control>
          </mc:Choice>
        </mc:AlternateContent>
        <mc:AlternateContent xmlns:mc="http://schemas.openxmlformats.org/markup-compatibility/2006">
          <mc:Choice Requires="x14">
            <control shapeId="17410" r:id="rId5" name="Check Box 2">
              <controlPr defaultSize="0" autoFill="0" autoLine="0" autoPict="0">
                <anchor moveWithCells="1">
                  <from>
                    <xdr:col>36</xdr:col>
                    <xdr:colOff>161925</xdr:colOff>
                    <xdr:row>7</xdr:row>
                    <xdr:rowOff>142875</xdr:rowOff>
                  </from>
                  <to>
                    <xdr:col>38</xdr:col>
                    <xdr:colOff>104775</xdr:colOff>
                    <xdr:row>9</xdr:row>
                    <xdr:rowOff>28575</xdr:rowOff>
                  </to>
                </anchor>
              </controlPr>
            </control>
          </mc:Choice>
        </mc:AlternateContent>
        <mc:AlternateContent xmlns:mc="http://schemas.openxmlformats.org/markup-compatibility/2006">
          <mc:Choice Requires="x14">
            <control shapeId="17411" r:id="rId6" name="Check Box 3">
              <controlPr defaultSize="0" autoFill="0" autoLine="0" autoPict="0">
                <anchor moveWithCells="1">
                  <from>
                    <xdr:col>22</xdr:col>
                    <xdr:colOff>171450</xdr:colOff>
                    <xdr:row>8</xdr:row>
                    <xdr:rowOff>142875</xdr:rowOff>
                  </from>
                  <to>
                    <xdr:col>24</xdr:col>
                    <xdr:colOff>114300</xdr:colOff>
                    <xdr:row>10</xdr:row>
                    <xdr:rowOff>28575</xdr:rowOff>
                  </to>
                </anchor>
              </controlPr>
            </control>
          </mc:Choice>
        </mc:AlternateContent>
        <mc:AlternateContent xmlns:mc="http://schemas.openxmlformats.org/markup-compatibility/2006">
          <mc:Choice Requires="x14">
            <control shapeId="17412" r:id="rId7" name="Check Box 4">
              <controlPr defaultSize="0" autoFill="0" autoLine="0" autoPict="0">
                <anchor moveWithCells="1">
                  <from>
                    <xdr:col>26</xdr:col>
                    <xdr:colOff>152400</xdr:colOff>
                    <xdr:row>13</xdr:row>
                    <xdr:rowOff>152400</xdr:rowOff>
                  </from>
                  <to>
                    <xdr:col>28</xdr:col>
                    <xdr:colOff>95250</xdr:colOff>
                    <xdr:row>15</xdr:row>
                    <xdr:rowOff>38100</xdr:rowOff>
                  </to>
                </anchor>
              </controlPr>
            </control>
          </mc:Choice>
        </mc:AlternateContent>
        <mc:AlternateContent xmlns:mc="http://schemas.openxmlformats.org/markup-compatibility/2006">
          <mc:Choice Requires="x14">
            <control shapeId="17413" r:id="rId8" name="Check Box 5">
              <controlPr defaultSize="0" autoFill="0" autoLine="0" autoPict="0">
                <anchor moveWithCells="1">
                  <from>
                    <xdr:col>22</xdr:col>
                    <xdr:colOff>161925</xdr:colOff>
                    <xdr:row>15</xdr:row>
                    <xdr:rowOff>142875</xdr:rowOff>
                  </from>
                  <to>
                    <xdr:col>24</xdr:col>
                    <xdr:colOff>104775</xdr:colOff>
                    <xdr:row>17</xdr:row>
                    <xdr:rowOff>28575</xdr:rowOff>
                  </to>
                </anchor>
              </controlPr>
            </control>
          </mc:Choice>
        </mc:AlternateContent>
        <mc:AlternateContent xmlns:mc="http://schemas.openxmlformats.org/markup-compatibility/2006">
          <mc:Choice Requires="x14">
            <control shapeId="17414" r:id="rId9" name="Check Box 6">
              <controlPr defaultSize="0" autoFill="0" autoLine="0" autoPict="0">
                <anchor moveWithCells="1">
                  <from>
                    <xdr:col>23</xdr:col>
                    <xdr:colOff>171450</xdr:colOff>
                    <xdr:row>16</xdr:row>
                    <xdr:rowOff>142875</xdr:rowOff>
                  </from>
                  <to>
                    <xdr:col>25</xdr:col>
                    <xdr:colOff>114300</xdr:colOff>
                    <xdr:row>18</xdr:row>
                    <xdr:rowOff>28575</xdr:rowOff>
                  </to>
                </anchor>
              </controlPr>
            </control>
          </mc:Choice>
        </mc:AlternateContent>
        <mc:AlternateContent xmlns:mc="http://schemas.openxmlformats.org/markup-compatibility/2006">
          <mc:Choice Requires="x14">
            <control shapeId="17415" r:id="rId10" name="Check Box 7">
              <controlPr defaultSize="0" autoFill="0" autoLine="0" autoPict="0">
                <anchor moveWithCells="1">
                  <from>
                    <xdr:col>30</xdr:col>
                    <xdr:colOff>152400</xdr:colOff>
                    <xdr:row>16</xdr:row>
                    <xdr:rowOff>142875</xdr:rowOff>
                  </from>
                  <to>
                    <xdr:col>32</xdr:col>
                    <xdr:colOff>95250</xdr:colOff>
                    <xdr:row>18</xdr:row>
                    <xdr:rowOff>28575</xdr:rowOff>
                  </to>
                </anchor>
              </controlPr>
            </control>
          </mc:Choice>
        </mc:AlternateContent>
        <mc:AlternateContent xmlns:mc="http://schemas.openxmlformats.org/markup-compatibility/2006">
          <mc:Choice Requires="x14">
            <control shapeId="17416" r:id="rId11" name="Check Box 8">
              <controlPr defaultSize="0" autoFill="0" autoLine="0" autoPict="0">
                <anchor moveWithCells="1">
                  <from>
                    <xdr:col>42</xdr:col>
                    <xdr:colOff>161925</xdr:colOff>
                    <xdr:row>16</xdr:row>
                    <xdr:rowOff>152400</xdr:rowOff>
                  </from>
                  <to>
                    <xdr:col>44</xdr:col>
                    <xdr:colOff>104775</xdr:colOff>
                    <xdr:row>18</xdr:row>
                    <xdr:rowOff>38100</xdr:rowOff>
                  </to>
                </anchor>
              </controlPr>
            </control>
          </mc:Choice>
        </mc:AlternateContent>
        <mc:AlternateContent xmlns:mc="http://schemas.openxmlformats.org/markup-compatibility/2006">
          <mc:Choice Requires="x14">
            <control shapeId="17417" r:id="rId12" name="Check Box 9">
              <controlPr defaultSize="0" autoFill="0" autoLine="0" autoPict="0">
                <anchor moveWithCells="1">
                  <from>
                    <xdr:col>50</xdr:col>
                    <xdr:colOff>171450</xdr:colOff>
                    <xdr:row>16</xdr:row>
                    <xdr:rowOff>152400</xdr:rowOff>
                  </from>
                  <to>
                    <xdr:col>52</xdr:col>
                    <xdr:colOff>114300</xdr:colOff>
                    <xdr:row>18</xdr:row>
                    <xdr:rowOff>38100</xdr:rowOff>
                  </to>
                </anchor>
              </controlPr>
            </control>
          </mc:Choice>
        </mc:AlternateContent>
        <mc:AlternateContent xmlns:mc="http://schemas.openxmlformats.org/markup-compatibility/2006">
          <mc:Choice Requires="x14">
            <control shapeId="17418" r:id="rId13" name="Check Box 10">
              <controlPr defaultSize="0" autoFill="0" autoLine="0" autoPict="0">
                <anchor moveWithCells="1">
                  <from>
                    <xdr:col>24</xdr:col>
                    <xdr:colOff>0</xdr:colOff>
                    <xdr:row>17</xdr:row>
                    <xdr:rowOff>152400</xdr:rowOff>
                  </from>
                  <to>
                    <xdr:col>25</xdr:col>
                    <xdr:colOff>123825</xdr:colOff>
                    <xdr:row>19</xdr:row>
                    <xdr:rowOff>38100</xdr:rowOff>
                  </to>
                </anchor>
              </controlPr>
            </control>
          </mc:Choice>
        </mc:AlternateContent>
        <mc:AlternateContent xmlns:mc="http://schemas.openxmlformats.org/markup-compatibility/2006">
          <mc:Choice Requires="x14">
            <control shapeId="17419" r:id="rId14" name="Check Box 11">
              <controlPr defaultSize="0" autoFill="0" autoLine="0" autoPict="0">
                <anchor moveWithCells="1">
                  <from>
                    <xdr:col>22</xdr:col>
                    <xdr:colOff>161925</xdr:colOff>
                    <xdr:row>18</xdr:row>
                    <xdr:rowOff>152400</xdr:rowOff>
                  </from>
                  <to>
                    <xdr:col>24</xdr:col>
                    <xdr:colOff>104775</xdr:colOff>
                    <xdr:row>20</xdr:row>
                    <xdr:rowOff>38100</xdr:rowOff>
                  </to>
                </anchor>
              </controlPr>
            </control>
          </mc:Choice>
        </mc:AlternateContent>
        <mc:AlternateContent xmlns:mc="http://schemas.openxmlformats.org/markup-compatibility/2006">
          <mc:Choice Requires="x14">
            <control shapeId="17420" r:id="rId15" name="Check Box 12">
              <controlPr defaultSize="0" autoFill="0" autoLine="0" autoPict="0">
                <anchor moveWithCells="1">
                  <from>
                    <xdr:col>38</xdr:col>
                    <xdr:colOff>152400</xdr:colOff>
                    <xdr:row>18</xdr:row>
                    <xdr:rowOff>142875</xdr:rowOff>
                  </from>
                  <to>
                    <xdr:col>40</xdr:col>
                    <xdr:colOff>95250</xdr:colOff>
                    <xdr:row>20</xdr:row>
                    <xdr:rowOff>28575</xdr:rowOff>
                  </to>
                </anchor>
              </controlPr>
            </control>
          </mc:Choice>
        </mc:AlternateContent>
        <mc:AlternateContent xmlns:mc="http://schemas.openxmlformats.org/markup-compatibility/2006">
          <mc:Choice Requires="x14">
            <control shapeId="17421" r:id="rId16" name="Check Box 13">
              <controlPr defaultSize="0" autoFill="0" autoLine="0" autoPict="0">
                <anchor moveWithCells="1">
                  <from>
                    <xdr:col>22</xdr:col>
                    <xdr:colOff>161925</xdr:colOff>
                    <xdr:row>19</xdr:row>
                    <xdr:rowOff>142875</xdr:rowOff>
                  </from>
                  <to>
                    <xdr:col>24</xdr:col>
                    <xdr:colOff>104775</xdr:colOff>
                    <xdr:row>21</xdr:row>
                    <xdr:rowOff>28575</xdr:rowOff>
                  </to>
                </anchor>
              </controlPr>
            </control>
          </mc:Choice>
        </mc:AlternateContent>
        <mc:AlternateContent xmlns:mc="http://schemas.openxmlformats.org/markup-compatibility/2006">
          <mc:Choice Requires="x14">
            <control shapeId="17422" r:id="rId17" name="Check Box 14">
              <controlPr defaultSize="0" autoFill="0" autoLine="0" autoPict="0">
                <anchor moveWithCells="1">
                  <from>
                    <xdr:col>22</xdr:col>
                    <xdr:colOff>171450</xdr:colOff>
                    <xdr:row>21</xdr:row>
                    <xdr:rowOff>142875</xdr:rowOff>
                  </from>
                  <to>
                    <xdr:col>24</xdr:col>
                    <xdr:colOff>114300</xdr:colOff>
                    <xdr:row>23</xdr:row>
                    <xdr:rowOff>28575</xdr:rowOff>
                  </to>
                </anchor>
              </controlPr>
            </control>
          </mc:Choice>
        </mc:AlternateContent>
        <mc:AlternateContent xmlns:mc="http://schemas.openxmlformats.org/markup-compatibility/2006">
          <mc:Choice Requires="x14">
            <control shapeId="17423" r:id="rId18" name="Check Box 15">
              <controlPr defaultSize="0" autoFill="0" autoLine="0" autoPict="0">
                <anchor moveWithCells="1">
                  <from>
                    <xdr:col>30</xdr:col>
                    <xdr:colOff>161925</xdr:colOff>
                    <xdr:row>24</xdr:row>
                    <xdr:rowOff>142875</xdr:rowOff>
                  </from>
                  <to>
                    <xdr:col>32</xdr:col>
                    <xdr:colOff>104775</xdr:colOff>
                    <xdr:row>26</xdr:row>
                    <xdr:rowOff>28575</xdr:rowOff>
                  </to>
                </anchor>
              </controlPr>
            </control>
          </mc:Choice>
        </mc:AlternateContent>
        <mc:AlternateContent xmlns:mc="http://schemas.openxmlformats.org/markup-compatibility/2006">
          <mc:Choice Requires="x14">
            <control shapeId="17424" r:id="rId19" name="Check Box 16">
              <controlPr defaultSize="0" autoFill="0" autoLine="0" autoPict="0">
                <anchor moveWithCells="1">
                  <from>
                    <xdr:col>30</xdr:col>
                    <xdr:colOff>171450</xdr:colOff>
                    <xdr:row>23</xdr:row>
                    <xdr:rowOff>152400</xdr:rowOff>
                  </from>
                  <to>
                    <xdr:col>32</xdr:col>
                    <xdr:colOff>114300</xdr:colOff>
                    <xdr:row>25</xdr:row>
                    <xdr:rowOff>38100</xdr:rowOff>
                  </to>
                </anchor>
              </controlPr>
            </control>
          </mc:Choice>
        </mc:AlternateContent>
        <mc:AlternateContent xmlns:mc="http://schemas.openxmlformats.org/markup-compatibility/2006">
          <mc:Choice Requires="x14">
            <control shapeId="17425" r:id="rId20" name="Check Box 17">
              <controlPr defaultSize="0" autoFill="0" autoLine="0" autoPict="0">
                <anchor moveWithCells="1">
                  <from>
                    <xdr:col>35</xdr:col>
                    <xdr:colOff>161925</xdr:colOff>
                    <xdr:row>23</xdr:row>
                    <xdr:rowOff>152400</xdr:rowOff>
                  </from>
                  <to>
                    <xdr:col>37</xdr:col>
                    <xdr:colOff>104775</xdr:colOff>
                    <xdr:row>25</xdr:row>
                    <xdr:rowOff>38100</xdr:rowOff>
                  </to>
                </anchor>
              </controlPr>
            </control>
          </mc:Choice>
        </mc:AlternateContent>
        <mc:AlternateContent xmlns:mc="http://schemas.openxmlformats.org/markup-compatibility/2006">
          <mc:Choice Requires="x14">
            <control shapeId="17426" r:id="rId21" name="Check Box 18">
              <controlPr defaultSize="0" autoFill="0" autoLine="0" autoPict="0">
                <anchor moveWithCells="1">
                  <from>
                    <xdr:col>44</xdr:col>
                    <xdr:colOff>152400</xdr:colOff>
                    <xdr:row>23</xdr:row>
                    <xdr:rowOff>152400</xdr:rowOff>
                  </from>
                  <to>
                    <xdr:col>46</xdr:col>
                    <xdr:colOff>95250</xdr:colOff>
                    <xdr:row>25</xdr:row>
                    <xdr:rowOff>38100</xdr:rowOff>
                  </to>
                </anchor>
              </controlPr>
            </control>
          </mc:Choice>
        </mc:AlternateContent>
        <mc:AlternateContent xmlns:mc="http://schemas.openxmlformats.org/markup-compatibility/2006">
          <mc:Choice Requires="x14">
            <control shapeId="17427" r:id="rId22" name="Check Box 19">
              <controlPr defaultSize="0" autoFill="0" autoLine="0" autoPict="0">
                <anchor moveWithCells="1">
                  <from>
                    <xdr:col>28</xdr:col>
                    <xdr:colOff>161925</xdr:colOff>
                    <xdr:row>25</xdr:row>
                    <xdr:rowOff>152400</xdr:rowOff>
                  </from>
                  <to>
                    <xdr:col>30</xdr:col>
                    <xdr:colOff>104775</xdr:colOff>
                    <xdr:row>27</xdr:row>
                    <xdr:rowOff>38100</xdr:rowOff>
                  </to>
                </anchor>
              </controlPr>
            </control>
          </mc:Choice>
        </mc:AlternateContent>
        <mc:AlternateContent xmlns:mc="http://schemas.openxmlformats.org/markup-compatibility/2006">
          <mc:Choice Requires="x14">
            <control shapeId="17428" r:id="rId23" name="Check Box 20">
              <controlPr defaultSize="0" autoFill="0" autoLine="0" autoPict="0">
                <anchor moveWithCells="1">
                  <from>
                    <xdr:col>33</xdr:col>
                    <xdr:colOff>161925</xdr:colOff>
                    <xdr:row>25</xdr:row>
                    <xdr:rowOff>142875</xdr:rowOff>
                  </from>
                  <to>
                    <xdr:col>35</xdr:col>
                    <xdr:colOff>104775</xdr:colOff>
                    <xdr:row>27</xdr:row>
                    <xdr:rowOff>28575</xdr:rowOff>
                  </to>
                </anchor>
              </controlPr>
            </control>
          </mc:Choice>
        </mc:AlternateContent>
        <mc:AlternateContent xmlns:mc="http://schemas.openxmlformats.org/markup-compatibility/2006">
          <mc:Choice Requires="x14">
            <control shapeId="17429" r:id="rId24" name="Check Box 21">
              <controlPr defaultSize="0" autoFill="0" autoLine="0" autoPict="0">
                <anchor moveWithCells="1">
                  <from>
                    <xdr:col>38</xdr:col>
                    <xdr:colOff>152400</xdr:colOff>
                    <xdr:row>25</xdr:row>
                    <xdr:rowOff>133350</xdr:rowOff>
                  </from>
                  <to>
                    <xdr:col>40</xdr:col>
                    <xdr:colOff>95250</xdr:colOff>
                    <xdr:row>27</xdr:row>
                    <xdr:rowOff>19050</xdr:rowOff>
                  </to>
                </anchor>
              </controlPr>
            </control>
          </mc:Choice>
        </mc:AlternateContent>
        <mc:AlternateContent xmlns:mc="http://schemas.openxmlformats.org/markup-compatibility/2006">
          <mc:Choice Requires="x14">
            <control shapeId="17430" r:id="rId25" name="Check Box 22">
              <controlPr defaultSize="0" autoFill="0" autoLine="0" autoPict="0">
                <anchor moveWithCells="1">
                  <from>
                    <xdr:col>55</xdr:col>
                    <xdr:colOff>152400</xdr:colOff>
                    <xdr:row>25</xdr:row>
                    <xdr:rowOff>142875</xdr:rowOff>
                  </from>
                  <to>
                    <xdr:col>57</xdr:col>
                    <xdr:colOff>95250</xdr:colOff>
                    <xdr:row>27</xdr:row>
                    <xdr:rowOff>28575</xdr:rowOff>
                  </to>
                </anchor>
              </controlPr>
            </control>
          </mc:Choice>
        </mc:AlternateContent>
        <mc:AlternateContent xmlns:mc="http://schemas.openxmlformats.org/markup-compatibility/2006">
          <mc:Choice Requires="x14">
            <control shapeId="17431" r:id="rId26" name="Check Box 23">
              <controlPr defaultSize="0" autoFill="0" autoLine="0" autoPict="0">
                <anchor moveWithCells="1">
                  <from>
                    <xdr:col>6</xdr:col>
                    <xdr:colOff>152400</xdr:colOff>
                    <xdr:row>31</xdr:row>
                    <xdr:rowOff>152400</xdr:rowOff>
                  </from>
                  <to>
                    <xdr:col>8</xdr:col>
                    <xdr:colOff>95250</xdr:colOff>
                    <xdr:row>33</xdr:row>
                    <xdr:rowOff>38100</xdr:rowOff>
                  </to>
                </anchor>
              </controlPr>
            </control>
          </mc:Choice>
        </mc:AlternateContent>
        <mc:AlternateContent xmlns:mc="http://schemas.openxmlformats.org/markup-compatibility/2006">
          <mc:Choice Requires="x14">
            <control shapeId="17432" r:id="rId27" name="Check Box 24">
              <controlPr defaultSize="0" autoFill="0" autoLine="0" autoPict="0">
                <anchor moveWithCells="1">
                  <from>
                    <xdr:col>22</xdr:col>
                    <xdr:colOff>161925</xdr:colOff>
                    <xdr:row>31</xdr:row>
                    <xdr:rowOff>152400</xdr:rowOff>
                  </from>
                  <to>
                    <xdr:col>24</xdr:col>
                    <xdr:colOff>104775</xdr:colOff>
                    <xdr:row>33</xdr:row>
                    <xdr:rowOff>38100</xdr:rowOff>
                  </to>
                </anchor>
              </controlPr>
            </control>
          </mc:Choice>
        </mc:AlternateContent>
        <mc:AlternateContent xmlns:mc="http://schemas.openxmlformats.org/markup-compatibility/2006">
          <mc:Choice Requires="x14">
            <control shapeId="17433" r:id="rId28" name="Check Box 25">
              <controlPr defaultSize="0" autoFill="0" autoLine="0" autoPict="0">
                <anchor moveWithCells="1">
                  <from>
                    <xdr:col>23</xdr:col>
                    <xdr:colOff>171450</xdr:colOff>
                    <xdr:row>32</xdr:row>
                    <xdr:rowOff>152400</xdr:rowOff>
                  </from>
                  <to>
                    <xdr:col>25</xdr:col>
                    <xdr:colOff>114300</xdr:colOff>
                    <xdr:row>34</xdr:row>
                    <xdr:rowOff>38100</xdr:rowOff>
                  </to>
                </anchor>
              </controlPr>
            </control>
          </mc:Choice>
        </mc:AlternateContent>
        <mc:AlternateContent xmlns:mc="http://schemas.openxmlformats.org/markup-compatibility/2006">
          <mc:Choice Requires="x14">
            <control shapeId="17434" r:id="rId29" name="Check Box 26">
              <controlPr defaultSize="0" autoFill="0" autoLine="0" autoPict="0">
                <anchor moveWithCells="1">
                  <from>
                    <xdr:col>27</xdr:col>
                    <xdr:colOff>152400</xdr:colOff>
                    <xdr:row>32</xdr:row>
                    <xdr:rowOff>152400</xdr:rowOff>
                  </from>
                  <to>
                    <xdr:col>29</xdr:col>
                    <xdr:colOff>95250</xdr:colOff>
                    <xdr:row>34</xdr:row>
                    <xdr:rowOff>38100</xdr:rowOff>
                  </to>
                </anchor>
              </controlPr>
            </control>
          </mc:Choice>
        </mc:AlternateContent>
        <mc:AlternateContent xmlns:mc="http://schemas.openxmlformats.org/markup-compatibility/2006">
          <mc:Choice Requires="x14">
            <control shapeId="17435" r:id="rId30" name="Check Box 27">
              <controlPr defaultSize="0" autoFill="0" autoLine="0" autoPict="0">
                <anchor moveWithCells="1">
                  <from>
                    <xdr:col>31</xdr:col>
                    <xdr:colOff>152400</xdr:colOff>
                    <xdr:row>32</xdr:row>
                    <xdr:rowOff>142875</xdr:rowOff>
                  </from>
                  <to>
                    <xdr:col>33</xdr:col>
                    <xdr:colOff>95250</xdr:colOff>
                    <xdr:row>34</xdr:row>
                    <xdr:rowOff>28575</xdr:rowOff>
                  </to>
                </anchor>
              </controlPr>
            </control>
          </mc:Choice>
        </mc:AlternateContent>
        <mc:AlternateContent xmlns:mc="http://schemas.openxmlformats.org/markup-compatibility/2006">
          <mc:Choice Requires="x14">
            <control shapeId="17436" r:id="rId31" name="Check Box 28">
              <controlPr defaultSize="0" autoFill="0" autoLine="0" autoPict="0">
                <anchor moveWithCells="1">
                  <from>
                    <xdr:col>35</xdr:col>
                    <xdr:colOff>152400</xdr:colOff>
                    <xdr:row>32</xdr:row>
                    <xdr:rowOff>142875</xdr:rowOff>
                  </from>
                  <to>
                    <xdr:col>37</xdr:col>
                    <xdr:colOff>95250</xdr:colOff>
                    <xdr:row>34</xdr:row>
                    <xdr:rowOff>28575</xdr:rowOff>
                  </to>
                </anchor>
              </controlPr>
            </control>
          </mc:Choice>
        </mc:AlternateContent>
        <mc:AlternateContent xmlns:mc="http://schemas.openxmlformats.org/markup-compatibility/2006">
          <mc:Choice Requires="x14">
            <control shapeId="17437" r:id="rId32" name="Check Box 29">
              <controlPr defaultSize="0" autoFill="0" autoLine="0" autoPict="0">
                <anchor moveWithCells="1">
                  <from>
                    <xdr:col>39</xdr:col>
                    <xdr:colOff>152400</xdr:colOff>
                    <xdr:row>32</xdr:row>
                    <xdr:rowOff>152400</xdr:rowOff>
                  </from>
                  <to>
                    <xdr:col>41</xdr:col>
                    <xdr:colOff>95250</xdr:colOff>
                    <xdr:row>34</xdr:row>
                    <xdr:rowOff>38100</xdr:rowOff>
                  </to>
                </anchor>
              </controlPr>
            </control>
          </mc:Choice>
        </mc:AlternateContent>
        <mc:AlternateContent xmlns:mc="http://schemas.openxmlformats.org/markup-compatibility/2006">
          <mc:Choice Requires="x14">
            <control shapeId="17438" r:id="rId33" name="Check Box 30">
              <controlPr defaultSize="0" autoFill="0" autoLine="0" autoPict="0">
                <anchor moveWithCells="1">
                  <from>
                    <xdr:col>44</xdr:col>
                    <xdr:colOff>152400</xdr:colOff>
                    <xdr:row>32</xdr:row>
                    <xdr:rowOff>142875</xdr:rowOff>
                  </from>
                  <to>
                    <xdr:col>46</xdr:col>
                    <xdr:colOff>95250</xdr:colOff>
                    <xdr:row>34</xdr:row>
                    <xdr:rowOff>28575</xdr:rowOff>
                  </to>
                </anchor>
              </controlPr>
            </control>
          </mc:Choice>
        </mc:AlternateContent>
        <mc:AlternateContent xmlns:mc="http://schemas.openxmlformats.org/markup-compatibility/2006">
          <mc:Choice Requires="x14">
            <control shapeId="17439" r:id="rId34" name="Check Box 31">
              <controlPr defaultSize="0" autoFill="0" autoLine="0" autoPict="0">
                <anchor moveWithCells="1">
                  <from>
                    <xdr:col>22</xdr:col>
                    <xdr:colOff>161925</xdr:colOff>
                    <xdr:row>33</xdr:row>
                    <xdr:rowOff>142875</xdr:rowOff>
                  </from>
                  <to>
                    <xdr:col>24</xdr:col>
                    <xdr:colOff>104775</xdr:colOff>
                    <xdr:row>35</xdr:row>
                    <xdr:rowOff>28575</xdr:rowOff>
                  </to>
                </anchor>
              </controlPr>
            </control>
          </mc:Choice>
        </mc:AlternateContent>
        <mc:AlternateContent xmlns:mc="http://schemas.openxmlformats.org/markup-compatibility/2006">
          <mc:Choice Requires="x14">
            <control shapeId="17440" r:id="rId35" name="Check Box 32">
              <controlPr defaultSize="0" autoFill="0" autoLine="0" autoPict="0">
                <anchor moveWithCells="1">
                  <from>
                    <xdr:col>23</xdr:col>
                    <xdr:colOff>161925</xdr:colOff>
                    <xdr:row>34</xdr:row>
                    <xdr:rowOff>142875</xdr:rowOff>
                  </from>
                  <to>
                    <xdr:col>25</xdr:col>
                    <xdr:colOff>104775</xdr:colOff>
                    <xdr:row>36</xdr:row>
                    <xdr:rowOff>28575</xdr:rowOff>
                  </to>
                </anchor>
              </controlPr>
            </control>
          </mc:Choice>
        </mc:AlternateContent>
        <mc:AlternateContent xmlns:mc="http://schemas.openxmlformats.org/markup-compatibility/2006">
          <mc:Choice Requires="x14">
            <control shapeId="17441" r:id="rId36" name="Check Box 33">
              <controlPr defaultSize="0" autoFill="0" autoLine="0" autoPict="0">
                <anchor moveWithCells="1">
                  <from>
                    <xdr:col>37</xdr:col>
                    <xdr:colOff>161925</xdr:colOff>
                    <xdr:row>34</xdr:row>
                    <xdr:rowOff>142875</xdr:rowOff>
                  </from>
                  <to>
                    <xdr:col>39</xdr:col>
                    <xdr:colOff>104775</xdr:colOff>
                    <xdr:row>36</xdr:row>
                    <xdr:rowOff>28575</xdr:rowOff>
                  </to>
                </anchor>
              </controlPr>
            </control>
          </mc:Choice>
        </mc:AlternateContent>
        <mc:AlternateContent xmlns:mc="http://schemas.openxmlformats.org/markup-compatibility/2006">
          <mc:Choice Requires="x14">
            <control shapeId="17442" r:id="rId37" name="Check Box 34">
              <controlPr defaultSize="0" autoFill="0" autoLine="0" autoPict="0">
                <anchor moveWithCells="1">
                  <from>
                    <xdr:col>55</xdr:col>
                    <xdr:colOff>152400</xdr:colOff>
                    <xdr:row>34</xdr:row>
                    <xdr:rowOff>142875</xdr:rowOff>
                  </from>
                  <to>
                    <xdr:col>57</xdr:col>
                    <xdr:colOff>95250</xdr:colOff>
                    <xdr:row>36</xdr:row>
                    <xdr:rowOff>28575</xdr:rowOff>
                  </to>
                </anchor>
              </controlPr>
            </control>
          </mc:Choice>
        </mc:AlternateContent>
        <mc:AlternateContent xmlns:mc="http://schemas.openxmlformats.org/markup-compatibility/2006">
          <mc:Choice Requires="x14">
            <control shapeId="17443" r:id="rId38" name="Check Box 35">
              <controlPr defaultSize="0" autoFill="0" autoLine="0" autoPict="0">
                <anchor moveWithCells="1">
                  <from>
                    <xdr:col>6</xdr:col>
                    <xdr:colOff>161925</xdr:colOff>
                    <xdr:row>35</xdr:row>
                    <xdr:rowOff>161925</xdr:rowOff>
                  </from>
                  <to>
                    <xdr:col>8</xdr:col>
                    <xdr:colOff>104775</xdr:colOff>
                    <xdr:row>37</xdr:row>
                    <xdr:rowOff>47625</xdr:rowOff>
                  </to>
                </anchor>
              </controlPr>
            </control>
          </mc:Choice>
        </mc:AlternateContent>
        <mc:AlternateContent xmlns:mc="http://schemas.openxmlformats.org/markup-compatibility/2006">
          <mc:Choice Requires="x14">
            <control shapeId="17444" r:id="rId39" name="Check Box 36">
              <controlPr defaultSize="0" autoFill="0" autoLine="0" autoPict="0">
                <anchor moveWithCells="1">
                  <from>
                    <xdr:col>22</xdr:col>
                    <xdr:colOff>161925</xdr:colOff>
                    <xdr:row>35</xdr:row>
                    <xdr:rowOff>142875</xdr:rowOff>
                  </from>
                  <to>
                    <xdr:col>24</xdr:col>
                    <xdr:colOff>104775</xdr:colOff>
                    <xdr:row>37</xdr:row>
                    <xdr:rowOff>28575</xdr:rowOff>
                  </to>
                </anchor>
              </controlPr>
            </control>
          </mc:Choice>
        </mc:AlternateContent>
        <mc:AlternateContent xmlns:mc="http://schemas.openxmlformats.org/markup-compatibility/2006">
          <mc:Choice Requires="x14">
            <control shapeId="17445" r:id="rId40" name="Check Box 37">
              <controlPr defaultSize="0" autoFill="0" autoLine="0" autoPict="0">
                <anchor moveWithCells="1">
                  <from>
                    <xdr:col>23</xdr:col>
                    <xdr:colOff>161925</xdr:colOff>
                    <xdr:row>36</xdr:row>
                    <xdr:rowOff>142875</xdr:rowOff>
                  </from>
                  <to>
                    <xdr:col>25</xdr:col>
                    <xdr:colOff>104775</xdr:colOff>
                    <xdr:row>38</xdr:row>
                    <xdr:rowOff>28575</xdr:rowOff>
                  </to>
                </anchor>
              </controlPr>
            </control>
          </mc:Choice>
        </mc:AlternateContent>
        <mc:AlternateContent xmlns:mc="http://schemas.openxmlformats.org/markup-compatibility/2006">
          <mc:Choice Requires="x14">
            <control shapeId="17446" r:id="rId41" name="Check Box 38">
              <controlPr defaultSize="0" autoFill="0" autoLine="0" autoPict="0">
                <anchor moveWithCells="1">
                  <from>
                    <xdr:col>28</xdr:col>
                    <xdr:colOff>152400</xdr:colOff>
                    <xdr:row>36</xdr:row>
                    <xdr:rowOff>152400</xdr:rowOff>
                  </from>
                  <to>
                    <xdr:col>30</xdr:col>
                    <xdr:colOff>95250</xdr:colOff>
                    <xdr:row>38</xdr:row>
                    <xdr:rowOff>38100</xdr:rowOff>
                  </to>
                </anchor>
              </controlPr>
            </control>
          </mc:Choice>
        </mc:AlternateContent>
        <mc:AlternateContent xmlns:mc="http://schemas.openxmlformats.org/markup-compatibility/2006">
          <mc:Choice Requires="x14">
            <control shapeId="17447" r:id="rId42" name="Check Box 39">
              <controlPr defaultSize="0" autoFill="0" autoLine="0" autoPict="0">
                <anchor moveWithCells="1">
                  <from>
                    <xdr:col>33</xdr:col>
                    <xdr:colOff>161925</xdr:colOff>
                    <xdr:row>36</xdr:row>
                    <xdr:rowOff>152400</xdr:rowOff>
                  </from>
                  <to>
                    <xdr:col>35</xdr:col>
                    <xdr:colOff>104775</xdr:colOff>
                    <xdr:row>38</xdr:row>
                    <xdr:rowOff>38100</xdr:rowOff>
                  </to>
                </anchor>
              </controlPr>
            </control>
          </mc:Choice>
        </mc:AlternateContent>
        <mc:AlternateContent xmlns:mc="http://schemas.openxmlformats.org/markup-compatibility/2006">
          <mc:Choice Requires="x14">
            <control shapeId="17448" r:id="rId43" name="Check Box 40">
              <controlPr defaultSize="0" autoFill="0" autoLine="0" autoPict="0">
                <anchor moveWithCells="1">
                  <from>
                    <xdr:col>38</xdr:col>
                    <xdr:colOff>152400</xdr:colOff>
                    <xdr:row>36</xdr:row>
                    <xdr:rowOff>161925</xdr:rowOff>
                  </from>
                  <to>
                    <xdr:col>40</xdr:col>
                    <xdr:colOff>95250</xdr:colOff>
                    <xdr:row>38</xdr:row>
                    <xdr:rowOff>47625</xdr:rowOff>
                  </to>
                </anchor>
              </controlPr>
            </control>
          </mc:Choice>
        </mc:AlternateContent>
        <mc:AlternateContent xmlns:mc="http://schemas.openxmlformats.org/markup-compatibility/2006">
          <mc:Choice Requires="x14">
            <control shapeId="17449" r:id="rId44" name="Check Box 41">
              <controlPr defaultSize="0" autoFill="0" autoLine="0" autoPict="0">
                <anchor moveWithCells="1">
                  <from>
                    <xdr:col>49</xdr:col>
                    <xdr:colOff>152400</xdr:colOff>
                    <xdr:row>36</xdr:row>
                    <xdr:rowOff>152400</xdr:rowOff>
                  </from>
                  <to>
                    <xdr:col>51</xdr:col>
                    <xdr:colOff>95250</xdr:colOff>
                    <xdr:row>38</xdr:row>
                    <xdr:rowOff>38100</xdr:rowOff>
                  </to>
                </anchor>
              </controlPr>
            </control>
          </mc:Choice>
        </mc:AlternateContent>
        <mc:AlternateContent xmlns:mc="http://schemas.openxmlformats.org/markup-compatibility/2006">
          <mc:Choice Requires="x14">
            <control shapeId="17450" r:id="rId45" name="Check Box 42">
              <controlPr defaultSize="0" autoFill="0" autoLine="0" autoPict="0">
                <anchor moveWithCells="1">
                  <from>
                    <xdr:col>23</xdr:col>
                    <xdr:colOff>161925</xdr:colOff>
                    <xdr:row>37</xdr:row>
                    <xdr:rowOff>142875</xdr:rowOff>
                  </from>
                  <to>
                    <xdr:col>25</xdr:col>
                    <xdr:colOff>104775</xdr:colOff>
                    <xdr:row>39</xdr:row>
                    <xdr:rowOff>28575</xdr:rowOff>
                  </to>
                </anchor>
              </controlPr>
            </control>
          </mc:Choice>
        </mc:AlternateContent>
        <mc:AlternateContent xmlns:mc="http://schemas.openxmlformats.org/markup-compatibility/2006">
          <mc:Choice Requires="x14">
            <control shapeId="17451" r:id="rId46" name="Check Box 43">
              <controlPr defaultSize="0" autoFill="0" autoLine="0" autoPict="0">
                <anchor moveWithCells="1">
                  <from>
                    <xdr:col>32</xdr:col>
                    <xdr:colOff>161925</xdr:colOff>
                    <xdr:row>37</xdr:row>
                    <xdr:rowOff>142875</xdr:rowOff>
                  </from>
                  <to>
                    <xdr:col>34</xdr:col>
                    <xdr:colOff>104775</xdr:colOff>
                    <xdr:row>39</xdr:row>
                    <xdr:rowOff>28575</xdr:rowOff>
                  </to>
                </anchor>
              </controlPr>
            </control>
          </mc:Choice>
        </mc:AlternateContent>
        <mc:AlternateContent xmlns:mc="http://schemas.openxmlformats.org/markup-compatibility/2006">
          <mc:Choice Requires="x14">
            <control shapeId="17452" r:id="rId47" name="Check Box 44">
              <controlPr defaultSize="0" autoFill="0" autoLine="0" autoPict="0">
                <anchor moveWithCells="1">
                  <from>
                    <xdr:col>55</xdr:col>
                    <xdr:colOff>161925</xdr:colOff>
                    <xdr:row>37</xdr:row>
                    <xdr:rowOff>142875</xdr:rowOff>
                  </from>
                  <to>
                    <xdr:col>57</xdr:col>
                    <xdr:colOff>104775</xdr:colOff>
                    <xdr:row>39</xdr:row>
                    <xdr:rowOff>28575</xdr:rowOff>
                  </to>
                </anchor>
              </controlPr>
            </control>
          </mc:Choice>
        </mc:AlternateContent>
        <mc:AlternateContent xmlns:mc="http://schemas.openxmlformats.org/markup-compatibility/2006">
          <mc:Choice Requires="x14">
            <control shapeId="17453" r:id="rId48" name="Check Box 45">
              <controlPr defaultSize="0" autoFill="0" autoLine="0" autoPict="0">
                <anchor moveWithCells="1">
                  <from>
                    <xdr:col>23</xdr:col>
                    <xdr:colOff>161925</xdr:colOff>
                    <xdr:row>39</xdr:row>
                    <xdr:rowOff>152400</xdr:rowOff>
                  </from>
                  <to>
                    <xdr:col>25</xdr:col>
                    <xdr:colOff>104775</xdr:colOff>
                    <xdr:row>41</xdr:row>
                    <xdr:rowOff>38100</xdr:rowOff>
                  </to>
                </anchor>
              </controlPr>
            </control>
          </mc:Choice>
        </mc:AlternateContent>
        <mc:AlternateContent xmlns:mc="http://schemas.openxmlformats.org/markup-compatibility/2006">
          <mc:Choice Requires="x14">
            <control shapeId="17454" r:id="rId49" name="Check Box 46">
              <controlPr defaultSize="0" autoFill="0" autoLine="0" autoPict="0">
                <anchor moveWithCells="1">
                  <from>
                    <xdr:col>29</xdr:col>
                    <xdr:colOff>152400</xdr:colOff>
                    <xdr:row>39</xdr:row>
                    <xdr:rowOff>142875</xdr:rowOff>
                  </from>
                  <to>
                    <xdr:col>31</xdr:col>
                    <xdr:colOff>95250</xdr:colOff>
                    <xdr:row>41</xdr:row>
                    <xdr:rowOff>28575</xdr:rowOff>
                  </to>
                </anchor>
              </controlPr>
            </control>
          </mc:Choice>
        </mc:AlternateContent>
        <mc:AlternateContent xmlns:mc="http://schemas.openxmlformats.org/markup-compatibility/2006">
          <mc:Choice Requires="x14">
            <control shapeId="17455" r:id="rId50" name="Check Box 47">
              <controlPr defaultSize="0" autoFill="0" autoLine="0" autoPict="0">
                <anchor moveWithCells="1">
                  <from>
                    <xdr:col>55</xdr:col>
                    <xdr:colOff>161925</xdr:colOff>
                    <xdr:row>39</xdr:row>
                    <xdr:rowOff>142875</xdr:rowOff>
                  </from>
                  <to>
                    <xdr:col>57</xdr:col>
                    <xdr:colOff>104775</xdr:colOff>
                    <xdr:row>41</xdr:row>
                    <xdr:rowOff>28575</xdr:rowOff>
                  </to>
                </anchor>
              </controlPr>
            </control>
          </mc:Choice>
        </mc:AlternateContent>
        <mc:AlternateContent xmlns:mc="http://schemas.openxmlformats.org/markup-compatibility/2006">
          <mc:Choice Requires="x14">
            <control shapeId="17456" r:id="rId51" name="Check Box 48">
              <controlPr defaultSize="0" autoFill="0" autoLine="0" autoPict="0">
                <anchor moveWithCells="1">
                  <from>
                    <xdr:col>22</xdr:col>
                    <xdr:colOff>171450</xdr:colOff>
                    <xdr:row>38</xdr:row>
                    <xdr:rowOff>152400</xdr:rowOff>
                  </from>
                  <to>
                    <xdr:col>24</xdr:col>
                    <xdr:colOff>114300</xdr:colOff>
                    <xdr:row>40</xdr:row>
                    <xdr:rowOff>38100</xdr:rowOff>
                  </to>
                </anchor>
              </controlPr>
            </control>
          </mc:Choice>
        </mc:AlternateContent>
        <mc:AlternateContent xmlns:mc="http://schemas.openxmlformats.org/markup-compatibility/2006">
          <mc:Choice Requires="x14">
            <control shapeId="17457" r:id="rId52" name="Check Box 49">
              <controlPr defaultSize="0" autoFill="0" autoLine="0" autoPict="0">
                <anchor moveWithCells="1">
                  <from>
                    <xdr:col>6</xdr:col>
                    <xdr:colOff>161925</xdr:colOff>
                    <xdr:row>40</xdr:row>
                    <xdr:rowOff>142875</xdr:rowOff>
                  </from>
                  <to>
                    <xdr:col>8</xdr:col>
                    <xdr:colOff>104775</xdr:colOff>
                    <xdr:row>42</xdr:row>
                    <xdr:rowOff>28575</xdr:rowOff>
                  </to>
                </anchor>
              </controlPr>
            </control>
          </mc:Choice>
        </mc:AlternateContent>
        <mc:AlternateContent xmlns:mc="http://schemas.openxmlformats.org/markup-compatibility/2006">
          <mc:Choice Requires="x14">
            <control shapeId="17458" r:id="rId53" name="Check Box 50">
              <controlPr defaultSize="0" autoFill="0" autoLine="0" autoPict="0">
                <anchor moveWithCells="1">
                  <from>
                    <xdr:col>22</xdr:col>
                    <xdr:colOff>161925</xdr:colOff>
                    <xdr:row>40</xdr:row>
                    <xdr:rowOff>142875</xdr:rowOff>
                  </from>
                  <to>
                    <xdr:col>24</xdr:col>
                    <xdr:colOff>104775</xdr:colOff>
                    <xdr:row>42</xdr:row>
                    <xdr:rowOff>28575</xdr:rowOff>
                  </to>
                </anchor>
              </controlPr>
            </control>
          </mc:Choice>
        </mc:AlternateContent>
        <mc:AlternateContent xmlns:mc="http://schemas.openxmlformats.org/markup-compatibility/2006">
          <mc:Choice Requires="x14">
            <control shapeId="17459" r:id="rId54" name="Check Box 51">
              <controlPr defaultSize="0" autoFill="0" autoLine="0" autoPict="0">
                <anchor moveWithCells="1">
                  <from>
                    <xdr:col>22</xdr:col>
                    <xdr:colOff>161925</xdr:colOff>
                    <xdr:row>44</xdr:row>
                    <xdr:rowOff>9525</xdr:rowOff>
                  </from>
                  <to>
                    <xdr:col>24</xdr:col>
                    <xdr:colOff>104775</xdr:colOff>
                    <xdr:row>45</xdr:row>
                    <xdr:rowOff>28575</xdr:rowOff>
                  </to>
                </anchor>
              </controlPr>
            </control>
          </mc:Choice>
        </mc:AlternateContent>
        <mc:AlternateContent xmlns:mc="http://schemas.openxmlformats.org/markup-compatibility/2006">
          <mc:Choice Requires="x14">
            <control shapeId="17460" r:id="rId55" name="Check Box 52">
              <controlPr defaultSize="0" autoFill="0" autoLine="0" autoPict="0">
                <anchor moveWithCells="1">
                  <from>
                    <xdr:col>23</xdr:col>
                    <xdr:colOff>152400</xdr:colOff>
                    <xdr:row>45</xdr:row>
                    <xdr:rowOff>0</xdr:rowOff>
                  </from>
                  <to>
                    <xdr:col>25</xdr:col>
                    <xdr:colOff>95250</xdr:colOff>
                    <xdr:row>46</xdr:row>
                    <xdr:rowOff>38100</xdr:rowOff>
                  </to>
                </anchor>
              </controlPr>
            </control>
          </mc:Choice>
        </mc:AlternateContent>
        <mc:AlternateContent xmlns:mc="http://schemas.openxmlformats.org/markup-compatibility/2006">
          <mc:Choice Requires="x14">
            <control shapeId="17461" r:id="rId56" name="Check Box 53">
              <controlPr defaultSize="0" autoFill="0" autoLine="0" autoPict="0">
                <anchor moveWithCells="1">
                  <from>
                    <xdr:col>22</xdr:col>
                    <xdr:colOff>171450</xdr:colOff>
                    <xdr:row>45</xdr:row>
                    <xdr:rowOff>142875</xdr:rowOff>
                  </from>
                  <to>
                    <xdr:col>24</xdr:col>
                    <xdr:colOff>114300</xdr:colOff>
                    <xdr:row>47</xdr:row>
                    <xdr:rowOff>28575</xdr:rowOff>
                  </to>
                </anchor>
              </controlPr>
            </control>
          </mc:Choice>
        </mc:AlternateContent>
        <mc:AlternateContent xmlns:mc="http://schemas.openxmlformats.org/markup-compatibility/2006">
          <mc:Choice Requires="x14">
            <control shapeId="17462" r:id="rId57" name="Check Box 54">
              <controlPr defaultSize="0" autoFill="0" autoLine="0" autoPict="0">
                <anchor moveWithCells="1">
                  <from>
                    <xdr:col>23</xdr:col>
                    <xdr:colOff>171450</xdr:colOff>
                    <xdr:row>46</xdr:row>
                    <xdr:rowOff>152400</xdr:rowOff>
                  </from>
                  <to>
                    <xdr:col>25</xdr:col>
                    <xdr:colOff>114300</xdr:colOff>
                    <xdr:row>48</xdr:row>
                    <xdr:rowOff>38100</xdr:rowOff>
                  </to>
                </anchor>
              </controlPr>
            </control>
          </mc:Choice>
        </mc:AlternateContent>
        <mc:AlternateContent xmlns:mc="http://schemas.openxmlformats.org/markup-compatibility/2006">
          <mc:Choice Requires="x14">
            <control shapeId="17463" r:id="rId58" name="Check Box 55">
              <controlPr defaultSize="0" autoFill="0" autoLine="0" autoPict="0">
                <anchor moveWithCells="1">
                  <from>
                    <xdr:col>29</xdr:col>
                    <xdr:colOff>152400</xdr:colOff>
                    <xdr:row>46</xdr:row>
                    <xdr:rowOff>133350</xdr:rowOff>
                  </from>
                  <to>
                    <xdr:col>31</xdr:col>
                    <xdr:colOff>95250</xdr:colOff>
                    <xdr:row>48</xdr:row>
                    <xdr:rowOff>38100</xdr:rowOff>
                  </to>
                </anchor>
              </controlPr>
            </control>
          </mc:Choice>
        </mc:AlternateContent>
        <mc:AlternateContent xmlns:mc="http://schemas.openxmlformats.org/markup-compatibility/2006">
          <mc:Choice Requires="x14">
            <control shapeId="17464" r:id="rId59" name="Check Box 56">
              <controlPr defaultSize="0" autoFill="0" autoLine="0" autoPict="0">
                <anchor moveWithCells="1">
                  <from>
                    <xdr:col>29</xdr:col>
                    <xdr:colOff>152400</xdr:colOff>
                    <xdr:row>45</xdr:row>
                    <xdr:rowOff>0</xdr:rowOff>
                  </from>
                  <to>
                    <xdr:col>31</xdr:col>
                    <xdr:colOff>95250</xdr:colOff>
                    <xdr:row>46</xdr:row>
                    <xdr:rowOff>38100</xdr:rowOff>
                  </to>
                </anchor>
              </controlPr>
            </control>
          </mc:Choice>
        </mc:AlternateContent>
        <mc:AlternateContent xmlns:mc="http://schemas.openxmlformats.org/markup-compatibility/2006">
          <mc:Choice Requires="x14">
            <control shapeId="17465" r:id="rId60" name="Check Box 57">
              <controlPr defaultSize="0" autoFill="0" autoLine="0" autoPict="0">
                <anchor moveWithCells="1">
                  <from>
                    <xdr:col>49</xdr:col>
                    <xdr:colOff>161925</xdr:colOff>
                    <xdr:row>46</xdr:row>
                    <xdr:rowOff>142875</xdr:rowOff>
                  </from>
                  <to>
                    <xdr:col>51</xdr:col>
                    <xdr:colOff>104775</xdr:colOff>
                    <xdr:row>48</xdr:row>
                    <xdr:rowOff>28575</xdr:rowOff>
                  </to>
                </anchor>
              </controlPr>
            </control>
          </mc:Choice>
        </mc:AlternateContent>
        <mc:AlternateContent xmlns:mc="http://schemas.openxmlformats.org/markup-compatibility/2006">
          <mc:Choice Requires="x14">
            <control shapeId="17466" r:id="rId61" name="Check Box 58">
              <controlPr defaultSize="0" autoFill="0" autoLine="0" autoPict="0">
                <anchor moveWithCells="1">
                  <from>
                    <xdr:col>54</xdr:col>
                    <xdr:colOff>152400</xdr:colOff>
                    <xdr:row>46</xdr:row>
                    <xdr:rowOff>152400</xdr:rowOff>
                  </from>
                  <to>
                    <xdr:col>56</xdr:col>
                    <xdr:colOff>95250</xdr:colOff>
                    <xdr:row>48</xdr:row>
                    <xdr:rowOff>38100</xdr:rowOff>
                  </to>
                </anchor>
              </controlPr>
            </control>
          </mc:Choice>
        </mc:AlternateContent>
        <mc:AlternateContent xmlns:mc="http://schemas.openxmlformats.org/markup-compatibility/2006">
          <mc:Choice Requires="x14">
            <control shapeId="17467" r:id="rId62" name="Check Box 59">
              <controlPr defaultSize="0" autoFill="0" autoLine="0" autoPict="0">
                <anchor moveWithCells="1">
                  <from>
                    <xdr:col>23</xdr:col>
                    <xdr:colOff>171450</xdr:colOff>
                    <xdr:row>47</xdr:row>
                    <xdr:rowOff>142875</xdr:rowOff>
                  </from>
                  <to>
                    <xdr:col>25</xdr:col>
                    <xdr:colOff>114300</xdr:colOff>
                    <xdr:row>49</xdr:row>
                    <xdr:rowOff>28575</xdr:rowOff>
                  </to>
                </anchor>
              </controlPr>
            </control>
          </mc:Choice>
        </mc:AlternateContent>
        <mc:AlternateContent xmlns:mc="http://schemas.openxmlformats.org/markup-compatibility/2006">
          <mc:Choice Requires="x14">
            <control shapeId="17468" r:id="rId63" name="Check Box 60">
              <controlPr defaultSize="0" autoFill="0" autoLine="0" autoPict="0">
                <anchor moveWithCells="1">
                  <from>
                    <xdr:col>23</xdr:col>
                    <xdr:colOff>171450</xdr:colOff>
                    <xdr:row>48</xdr:row>
                    <xdr:rowOff>142875</xdr:rowOff>
                  </from>
                  <to>
                    <xdr:col>25</xdr:col>
                    <xdr:colOff>114300</xdr:colOff>
                    <xdr:row>50</xdr:row>
                    <xdr:rowOff>28575</xdr:rowOff>
                  </to>
                </anchor>
              </controlPr>
            </control>
          </mc:Choice>
        </mc:AlternateContent>
        <mc:AlternateContent xmlns:mc="http://schemas.openxmlformats.org/markup-compatibility/2006">
          <mc:Choice Requires="x14">
            <control shapeId="17469" r:id="rId64" name="Check Box 61">
              <controlPr defaultSize="0" autoFill="0" autoLine="0" autoPict="0">
                <anchor moveWithCells="1">
                  <from>
                    <xdr:col>6</xdr:col>
                    <xdr:colOff>171450</xdr:colOff>
                    <xdr:row>51</xdr:row>
                    <xdr:rowOff>142875</xdr:rowOff>
                  </from>
                  <to>
                    <xdr:col>8</xdr:col>
                    <xdr:colOff>114300</xdr:colOff>
                    <xdr:row>53</xdr:row>
                    <xdr:rowOff>28575</xdr:rowOff>
                  </to>
                </anchor>
              </controlPr>
            </control>
          </mc:Choice>
        </mc:AlternateContent>
        <mc:AlternateContent xmlns:mc="http://schemas.openxmlformats.org/markup-compatibility/2006">
          <mc:Choice Requires="x14">
            <control shapeId="17470" r:id="rId65" name="Check Box 62">
              <controlPr defaultSize="0" autoFill="0" autoLine="0" autoPict="0">
                <anchor moveWithCells="1">
                  <from>
                    <xdr:col>31</xdr:col>
                    <xdr:colOff>161925</xdr:colOff>
                    <xdr:row>53</xdr:row>
                    <xdr:rowOff>133350</xdr:rowOff>
                  </from>
                  <to>
                    <xdr:col>33</xdr:col>
                    <xdr:colOff>104775</xdr:colOff>
                    <xdr:row>55</xdr:row>
                    <xdr:rowOff>19050</xdr:rowOff>
                  </to>
                </anchor>
              </controlPr>
            </control>
          </mc:Choice>
        </mc:AlternateContent>
        <mc:AlternateContent xmlns:mc="http://schemas.openxmlformats.org/markup-compatibility/2006">
          <mc:Choice Requires="x14">
            <control shapeId="17471" r:id="rId66" name="Check Box 63">
              <controlPr defaultSize="0" autoFill="0" autoLine="0" autoPict="0">
                <anchor moveWithCells="1">
                  <from>
                    <xdr:col>35</xdr:col>
                    <xdr:colOff>152400</xdr:colOff>
                    <xdr:row>53</xdr:row>
                    <xdr:rowOff>142875</xdr:rowOff>
                  </from>
                  <to>
                    <xdr:col>37</xdr:col>
                    <xdr:colOff>95250</xdr:colOff>
                    <xdr:row>55</xdr:row>
                    <xdr:rowOff>28575</xdr:rowOff>
                  </to>
                </anchor>
              </controlPr>
            </control>
          </mc:Choice>
        </mc:AlternateContent>
        <mc:AlternateContent xmlns:mc="http://schemas.openxmlformats.org/markup-compatibility/2006">
          <mc:Choice Requires="x14">
            <control shapeId="17472" r:id="rId67" name="Check Box 64">
              <controlPr defaultSize="0" autoFill="0" autoLine="0" autoPict="0">
                <anchor moveWithCells="1">
                  <from>
                    <xdr:col>39</xdr:col>
                    <xdr:colOff>161925</xdr:colOff>
                    <xdr:row>53</xdr:row>
                    <xdr:rowOff>142875</xdr:rowOff>
                  </from>
                  <to>
                    <xdr:col>41</xdr:col>
                    <xdr:colOff>104775</xdr:colOff>
                    <xdr:row>55</xdr:row>
                    <xdr:rowOff>28575</xdr:rowOff>
                  </to>
                </anchor>
              </controlPr>
            </control>
          </mc:Choice>
        </mc:AlternateContent>
        <mc:AlternateContent xmlns:mc="http://schemas.openxmlformats.org/markup-compatibility/2006">
          <mc:Choice Requires="x14">
            <control shapeId="17473" r:id="rId68" name="Check Box 65">
              <controlPr defaultSize="0" autoFill="0" autoLine="0" autoPict="0">
                <anchor moveWithCells="1">
                  <from>
                    <xdr:col>43</xdr:col>
                    <xdr:colOff>171450</xdr:colOff>
                    <xdr:row>53</xdr:row>
                    <xdr:rowOff>142875</xdr:rowOff>
                  </from>
                  <to>
                    <xdr:col>45</xdr:col>
                    <xdr:colOff>114300</xdr:colOff>
                    <xdr:row>55</xdr:row>
                    <xdr:rowOff>28575</xdr:rowOff>
                  </to>
                </anchor>
              </controlPr>
            </control>
          </mc:Choice>
        </mc:AlternateContent>
        <mc:AlternateContent xmlns:mc="http://schemas.openxmlformats.org/markup-compatibility/2006">
          <mc:Choice Requires="x14">
            <control shapeId="17474" r:id="rId69" name="Check Box 66">
              <controlPr defaultSize="0" autoFill="0" autoLine="0" autoPict="0">
                <anchor moveWithCells="1">
                  <from>
                    <xdr:col>47</xdr:col>
                    <xdr:colOff>142875</xdr:colOff>
                    <xdr:row>53</xdr:row>
                    <xdr:rowOff>152400</xdr:rowOff>
                  </from>
                  <to>
                    <xdr:col>49</xdr:col>
                    <xdr:colOff>85725</xdr:colOff>
                    <xdr:row>55</xdr:row>
                    <xdr:rowOff>38100</xdr:rowOff>
                  </to>
                </anchor>
              </controlPr>
            </control>
          </mc:Choice>
        </mc:AlternateContent>
        <mc:AlternateContent xmlns:mc="http://schemas.openxmlformats.org/markup-compatibility/2006">
          <mc:Choice Requires="x14">
            <control shapeId="17475" r:id="rId70" name="Check Box 67">
              <controlPr defaultSize="0" autoFill="0" autoLine="0" autoPict="0">
                <anchor moveWithCells="1">
                  <from>
                    <xdr:col>51</xdr:col>
                    <xdr:colOff>161925</xdr:colOff>
                    <xdr:row>53</xdr:row>
                    <xdr:rowOff>142875</xdr:rowOff>
                  </from>
                  <to>
                    <xdr:col>53</xdr:col>
                    <xdr:colOff>104775</xdr:colOff>
                    <xdr:row>55</xdr:row>
                    <xdr:rowOff>28575</xdr:rowOff>
                  </to>
                </anchor>
              </controlPr>
            </control>
          </mc:Choice>
        </mc:AlternateContent>
        <mc:AlternateContent xmlns:mc="http://schemas.openxmlformats.org/markup-compatibility/2006">
          <mc:Choice Requires="x14">
            <control shapeId="17476" r:id="rId71" name="Check Box 68">
              <controlPr defaultSize="0" autoFill="0" autoLine="0" autoPict="0">
                <anchor moveWithCells="1">
                  <from>
                    <xdr:col>22</xdr:col>
                    <xdr:colOff>161925</xdr:colOff>
                    <xdr:row>56</xdr:row>
                    <xdr:rowOff>152400</xdr:rowOff>
                  </from>
                  <to>
                    <xdr:col>24</xdr:col>
                    <xdr:colOff>104775</xdr:colOff>
                    <xdr:row>58</xdr:row>
                    <xdr:rowOff>38100</xdr:rowOff>
                  </to>
                </anchor>
              </controlPr>
            </control>
          </mc:Choice>
        </mc:AlternateContent>
        <mc:AlternateContent xmlns:mc="http://schemas.openxmlformats.org/markup-compatibility/2006">
          <mc:Choice Requires="x14">
            <control shapeId="17477" r:id="rId72" name="Check Box 69">
              <controlPr defaultSize="0" autoFill="0" autoLine="0" autoPict="0">
                <anchor moveWithCells="1">
                  <from>
                    <xdr:col>23</xdr:col>
                    <xdr:colOff>152400</xdr:colOff>
                    <xdr:row>57</xdr:row>
                    <xdr:rowOff>142875</xdr:rowOff>
                  </from>
                  <to>
                    <xdr:col>25</xdr:col>
                    <xdr:colOff>95250</xdr:colOff>
                    <xdr:row>59</xdr:row>
                    <xdr:rowOff>28575</xdr:rowOff>
                  </to>
                </anchor>
              </controlPr>
            </control>
          </mc:Choice>
        </mc:AlternateContent>
        <mc:AlternateContent xmlns:mc="http://schemas.openxmlformats.org/markup-compatibility/2006">
          <mc:Choice Requires="x14">
            <control shapeId="17478" r:id="rId73" name="Check Box 70">
              <controlPr defaultSize="0" autoFill="0" autoLine="0" autoPict="0">
                <anchor moveWithCells="1">
                  <from>
                    <xdr:col>29</xdr:col>
                    <xdr:colOff>152400</xdr:colOff>
                    <xdr:row>57</xdr:row>
                    <xdr:rowOff>142875</xdr:rowOff>
                  </from>
                  <to>
                    <xdr:col>31</xdr:col>
                    <xdr:colOff>95250</xdr:colOff>
                    <xdr:row>59</xdr:row>
                    <xdr:rowOff>28575</xdr:rowOff>
                  </to>
                </anchor>
              </controlPr>
            </control>
          </mc:Choice>
        </mc:AlternateContent>
        <mc:AlternateContent xmlns:mc="http://schemas.openxmlformats.org/markup-compatibility/2006">
          <mc:Choice Requires="x14">
            <control shapeId="17479" r:id="rId74" name="Check Box 71">
              <controlPr defaultSize="0" autoFill="0" autoLine="0" autoPict="0">
                <anchor moveWithCells="1">
                  <from>
                    <xdr:col>22</xdr:col>
                    <xdr:colOff>161925</xdr:colOff>
                    <xdr:row>58</xdr:row>
                    <xdr:rowOff>142875</xdr:rowOff>
                  </from>
                  <to>
                    <xdr:col>24</xdr:col>
                    <xdr:colOff>104775</xdr:colOff>
                    <xdr:row>60</xdr:row>
                    <xdr:rowOff>28575</xdr:rowOff>
                  </to>
                </anchor>
              </controlPr>
            </control>
          </mc:Choice>
        </mc:AlternateContent>
        <mc:AlternateContent xmlns:mc="http://schemas.openxmlformats.org/markup-compatibility/2006">
          <mc:Choice Requires="x14">
            <control shapeId="17480" r:id="rId75" name="Check Box 72">
              <controlPr defaultSize="0" autoFill="0" autoLine="0" autoPict="0">
                <anchor moveWithCells="1">
                  <from>
                    <xdr:col>23</xdr:col>
                    <xdr:colOff>152400</xdr:colOff>
                    <xdr:row>59</xdr:row>
                    <xdr:rowOff>142875</xdr:rowOff>
                  </from>
                  <to>
                    <xdr:col>25</xdr:col>
                    <xdr:colOff>95250</xdr:colOff>
                    <xdr:row>61</xdr:row>
                    <xdr:rowOff>28575</xdr:rowOff>
                  </to>
                </anchor>
              </controlPr>
            </control>
          </mc:Choice>
        </mc:AlternateContent>
        <mc:AlternateContent xmlns:mc="http://schemas.openxmlformats.org/markup-compatibility/2006">
          <mc:Choice Requires="x14">
            <control shapeId="17481" r:id="rId76" name="Check Box 73">
              <controlPr defaultSize="0" autoFill="0" autoLine="0" autoPict="0">
                <anchor moveWithCells="1">
                  <from>
                    <xdr:col>55</xdr:col>
                    <xdr:colOff>152400</xdr:colOff>
                    <xdr:row>59</xdr:row>
                    <xdr:rowOff>152400</xdr:rowOff>
                  </from>
                  <to>
                    <xdr:col>57</xdr:col>
                    <xdr:colOff>95250</xdr:colOff>
                    <xdr:row>61</xdr:row>
                    <xdr:rowOff>38100</xdr:rowOff>
                  </to>
                </anchor>
              </controlPr>
            </control>
          </mc:Choice>
        </mc:AlternateContent>
        <mc:AlternateContent xmlns:mc="http://schemas.openxmlformats.org/markup-compatibility/2006">
          <mc:Choice Requires="x14">
            <control shapeId="17482" r:id="rId77" name="Check Box 74">
              <controlPr defaultSize="0" autoFill="0" autoLine="0" autoPict="0">
                <anchor moveWithCells="1">
                  <from>
                    <xdr:col>29</xdr:col>
                    <xdr:colOff>152400</xdr:colOff>
                    <xdr:row>59</xdr:row>
                    <xdr:rowOff>142875</xdr:rowOff>
                  </from>
                  <to>
                    <xdr:col>31</xdr:col>
                    <xdr:colOff>95250</xdr:colOff>
                    <xdr:row>61</xdr:row>
                    <xdr:rowOff>28575</xdr:rowOff>
                  </to>
                </anchor>
              </controlPr>
            </control>
          </mc:Choice>
        </mc:AlternateContent>
        <mc:AlternateContent xmlns:mc="http://schemas.openxmlformats.org/markup-compatibility/2006">
          <mc:Choice Requires="x14">
            <control shapeId="17483" r:id="rId78" name="Check Box 75">
              <controlPr defaultSize="0" autoFill="0" autoLine="0" autoPict="0">
                <anchor moveWithCells="1">
                  <from>
                    <xdr:col>6</xdr:col>
                    <xdr:colOff>171450</xdr:colOff>
                    <xdr:row>56</xdr:row>
                    <xdr:rowOff>142875</xdr:rowOff>
                  </from>
                  <to>
                    <xdr:col>8</xdr:col>
                    <xdr:colOff>114300</xdr:colOff>
                    <xdr:row>58</xdr:row>
                    <xdr:rowOff>28575</xdr:rowOff>
                  </to>
                </anchor>
              </controlPr>
            </control>
          </mc:Choice>
        </mc:AlternateContent>
        <mc:AlternateContent xmlns:mc="http://schemas.openxmlformats.org/markup-compatibility/2006">
          <mc:Choice Requires="x14">
            <control shapeId="17484" r:id="rId79" name="Check Box 76">
              <controlPr defaultSize="0" autoFill="0" autoLine="0" autoPict="0">
                <anchor moveWithCells="1">
                  <from>
                    <xdr:col>6</xdr:col>
                    <xdr:colOff>161925</xdr:colOff>
                    <xdr:row>60</xdr:row>
                    <xdr:rowOff>142875</xdr:rowOff>
                  </from>
                  <to>
                    <xdr:col>8</xdr:col>
                    <xdr:colOff>104775</xdr:colOff>
                    <xdr:row>62</xdr:row>
                    <xdr:rowOff>28575</xdr:rowOff>
                  </to>
                </anchor>
              </controlPr>
            </control>
          </mc:Choice>
        </mc:AlternateContent>
        <mc:AlternateContent xmlns:mc="http://schemas.openxmlformats.org/markup-compatibility/2006">
          <mc:Choice Requires="x14">
            <control shapeId="17485" r:id="rId80" name="Check Box 77">
              <controlPr defaultSize="0" autoFill="0" autoLine="0" autoPict="0">
                <anchor moveWithCells="1">
                  <from>
                    <xdr:col>6</xdr:col>
                    <xdr:colOff>152400</xdr:colOff>
                    <xdr:row>62</xdr:row>
                    <xdr:rowOff>152400</xdr:rowOff>
                  </from>
                  <to>
                    <xdr:col>8</xdr:col>
                    <xdr:colOff>95250</xdr:colOff>
                    <xdr:row>64</xdr:row>
                    <xdr:rowOff>38100</xdr:rowOff>
                  </to>
                </anchor>
              </controlPr>
            </control>
          </mc:Choice>
        </mc:AlternateContent>
        <mc:AlternateContent xmlns:mc="http://schemas.openxmlformats.org/markup-compatibility/2006">
          <mc:Choice Requires="x14">
            <control shapeId="17486" r:id="rId81" name="Check Box 78">
              <controlPr defaultSize="0" autoFill="0" autoLine="0" autoPict="0">
                <anchor moveWithCells="1">
                  <from>
                    <xdr:col>6</xdr:col>
                    <xdr:colOff>161925</xdr:colOff>
                    <xdr:row>64</xdr:row>
                    <xdr:rowOff>142875</xdr:rowOff>
                  </from>
                  <to>
                    <xdr:col>8</xdr:col>
                    <xdr:colOff>104775</xdr:colOff>
                    <xdr:row>66</xdr:row>
                    <xdr:rowOff>28575</xdr:rowOff>
                  </to>
                </anchor>
              </controlPr>
            </control>
          </mc:Choice>
        </mc:AlternateContent>
        <mc:AlternateContent xmlns:mc="http://schemas.openxmlformats.org/markup-compatibility/2006">
          <mc:Choice Requires="x14">
            <control shapeId="17487" r:id="rId82" name="Check Box 79">
              <controlPr defaultSize="0" autoFill="0" autoLine="0" autoPict="0">
                <anchor moveWithCells="1">
                  <from>
                    <xdr:col>22</xdr:col>
                    <xdr:colOff>161925</xdr:colOff>
                    <xdr:row>64</xdr:row>
                    <xdr:rowOff>142875</xdr:rowOff>
                  </from>
                  <to>
                    <xdr:col>24</xdr:col>
                    <xdr:colOff>104775</xdr:colOff>
                    <xdr:row>66</xdr:row>
                    <xdr:rowOff>28575</xdr:rowOff>
                  </to>
                </anchor>
              </controlPr>
            </control>
          </mc:Choice>
        </mc:AlternateContent>
        <mc:AlternateContent xmlns:mc="http://schemas.openxmlformats.org/markup-compatibility/2006">
          <mc:Choice Requires="x14">
            <control shapeId="17488" r:id="rId83" name="Check Box 80">
              <controlPr defaultSize="0" autoFill="0" autoLine="0" autoPict="0">
                <anchor moveWithCells="1">
                  <from>
                    <xdr:col>23</xdr:col>
                    <xdr:colOff>152400</xdr:colOff>
                    <xdr:row>65</xdr:row>
                    <xdr:rowOff>161925</xdr:rowOff>
                  </from>
                  <to>
                    <xdr:col>25</xdr:col>
                    <xdr:colOff>95250</xdr:colOff>
                    <xdr:row>67</xdr:row>
                    <xdr:rowOff>47625</xdr:rowOff>
                  </to>
                </anchor>
              </controlPr>
            </control>
          </mc:Choice>
        </mc:AlternateContent>
        <mc:AlternateContent xmlns:mc="http://schemas.openxmlformats.org/markup-compatibility/2006">
          <mc:Choice Requires="x14">
            <control shapeId="17489" r:id="rId84" name="Check Box 81">
              <controlPr defaultSize="0" autoFill="0" autoLine="0" autoPict="0">
                <anchor moveWithCells="1">
                  <from>
                    <xdr:col>29</xdr:col>
                    <xdr:colOff>152400</xdr:colOff>
                    <xdr:row>65</xdr:row>
                    <xdr:rowOff>161925</xdr:rowOff>
                  </from>
                  <to>
                    <xdr:col>31</xdr:col>
                    <xdr:colOff>95250</xdr:colOff>
                    <xdr:row>67</xdr:row>
                    <xdr:rowOff>47625</xdr:rowOff>
                  </to>
                </anchor>
              </controlPr>
            </control>
          </mc:Choice>
        </mc:AlternateContent>
        <mc:AlternateContent xmlns:mc="http://schemas.openxmlformats.org/markup-compatibility/2006">
          <mc:Choice Requires="x14">
            <control shapeId="17490" r:id="rId85" name="Check Box 82">
              <controlPr defaultSize="0" autoFill="0" autoLine="0" autoPict="0">
                <anchor moveWithCells="1">
                  <from>
                    <xdr:col>55</xdr:col>
                    <xdr:colOff>161925</xdr:colOff>
                    <xdr:row>65</xdr:row>
                    <xdr:rowOff>152400</xdr:rowOff>
                  </from>
                  <to>
                    <xdr:col>57</xdr:col>
                    <xdr:colOff>104775</xdr:colOff>
                    <xdr:row>67</xdr:row>
                    <xdr:rowOff>19050</xdr:rowOff>
                  </to>
                </anchor>
              </controlPr>
            </control>
          </mc:Choice>
        </mc:AlternateContent>
        <mc:AlternateContent xmlns:mc="http://schemas.openxmlformats.org/markup-compatibility/2006">
          <mc:Choice Requires="x14">
            <control shapeId="17491" r:id="rId86" name="Check Box 83">
              <controlPr defaultSize="0" autoFill="0" autoLine="0" autoPict="0">
                <anchor moveWithCells="1">
                  <from>
                    <xdr:col>23</xdr:col>
                    <xdr:colOff>152400</xdr:colOff>
                    <xdr:row>70</xdr:row>
                    <xdr:rowOff>161925</xdr:rowOff>
                  </from>
                  <to>
                    <xdr:col>25</xdr:col>
                    <xdr:colOff>95250</xdr:colOff>
                    <xdr:row>72</xdr:row>
                    <xdr:rowOff>47625</xdr:rowOff>
                  </to>
                </anchor>
              </controlPr>
            </control>
          </mc:Choice>
        </mc:AlternateContent>
        <mc:AlternateContent xmlns:mc="http://schemas.openxmlformats.org/markup-compatibility/2006">
          <mc:Choice Requires="x14">
            <control shapeId="17492" r:id="rId87" name="Check Box 84">
              <controlPr defaultSize="0" autoFill="0" autoLine="0" autoPict="0">
                <anchor moveWithCells="1">
                  <from>
                    <xdr:col>29</xdr:col>
                    <xdr:colOff>152400</xdr:colOff>
                    <xdr:row>70</xdr:row>
                    <xdr:rowOff>161925</xdr:rowOff>
                  </from>
                  <to>
                    <xdr:col>31</xdr:col>
                    <xdr:colOff>95250</xdr:colOff>
                    <xdr:row>72</xdr:row>
                    <xdr:rowOff>47625</xdr:rowOff>
                  </to>
                </anchor>
              </controlPr>
            </control>
          </mc:Choice>
        </mc:AlternateContent>
        <mc:AlternateContent xmlns:mc="http://schemas.openxmlformats.org/markup-compatibility/2006">
          <mc:Choice Requires="x14">
            <control shapeId="17493" r:id="rId88" name="Check Box 85">
              <controlPr defaultSize="0" autoFill="0" autoLine="0" autoPict="0">
                <anchor moveWithCells="1">
                  <from>
                    <xdr:col>55</xdr:col>
                    <xdr:colOff>152400</xdr:colOff>
                    <xdr:row>70</xdr:row>
                    <xdr:rowOff>142875</xdr:rowOff>
                  </from>
                  <to>
                    <xdr:col>57</xdr:col>
                    <xdr:colOff>95250</xdr:colOff>
                    <xdr:row>72</xdr:row>
                    <xdr:rowOff>28575</xdr:rowOff>
                  </to>
                </anchor>
              </controlPr>
            </control>
          </mc:Choice>
        </mc:AlternateContent>
        <mc:AlternateContent xmlns:mc="http://schemas.openxmlformats.org/markup-compatibility/2006">
          <mc:Choice Requires="x14">
            <control shapeId="17494" r:id="rId89" name="Check Box 86">
              <controlPr defaultSize="0" autoFill="0" autoLine="0" autoPict="0">
                <anchor moveWithCells="1">
                  <from>
                    <xdr:col>6</xdr:col>
                    <xdr:colOff>152400</xdr:colOff>
                    <xdr:row>69</xdr:row>
                    <xdr:rowOff>152400</xdr:rowOff>
                  </from>
                  <to>
                    <xdr:col>8</xdr:col>
                    <xdr:colOff>95250</xdr:colOff>
                    <xdr:row>71</xdr:row>
                    <xdr:rowOff>38100</xdr:rowOff>
                  </to>
                </anchor>
              </controlPr>
            </control>
          </mc:Choice>
        </mc:AlternateContent>
        <mc:AlternateContent xmlns:mc="http://schemas.openxmlformats.org/markup-compatibility/2006">
          <mc:Choice Requires="x14">
            <control shapeId="17495" r:id="rId90" name="Check Box 87">
              <controlPr defaultSize="0" autoFill="0" autoLine="0" autoPict="0">
                <anchor moveWithCells="1">
                  <from>
                    <xdr:col>22</xdr:col>
                    <xdr:colOff>161925</xdr:colOff>
                    <xdr:row>66</xdr:row>
                    <xdr:rowOff>152400</xdr:rowOff>
                  </from>
                  <to>
                    <xdr:col>24</xdr:col>
                    <xdr:colOff>104775</xdr:colOff>
                    <xdr:row>68</xdr:row>
                    <xdr:rowOff>19050</xdr:rowOff>
                  </to>
                </anchor>
              </controlPr>
            </control>
          </mc:Choice>
        </mc:AlternateContent>
        <mc:AlternateContent xmlns:mc="http://schemas.openxmlformats.org/markup-compatibility/2006">
          <mc:Choice Requires="x14">
            <control shapeId="17496" r:id="rId91" name="Check Box 88">
              <controlPr defaultSize="0" autoFill="0" autoLine="0" autoPict="0">
                <anchor moveWithCells="1">
                  <from>
                    <xdr:col>22</xdr:col>
                    <xdr:colOff>161925</xdr:colOff>
                    <xdr:row>67</xdr:row>
                    <xdr:rowOff>133350</xdr:rowOff>
                  </from>
                  <to>
                    <xdr:col>24</xdr:col>
                    <xdr:colOff>104775</xdr:colOff>
                    <xdr:row>69</xdr:row>
                    <xdr:rowOff>19050</xdr:rowOff>
                  </to>
                </anchor>
              </controlPr>
            </control>
          </mc:Choice>
        </mc:AlternateContent>
        <mc:AlternateContent xmlns:mc="http://schemas.openxmlformats.org/markup-compatibility/2006">
          <mc:Choice Requires="x14">
            <control shapeId="17497" r:id="rId92" name="Check Box 89">
              <controlPr defaultSize="0" autoFill="0" autoLine="0" autoPict="0">
                <anchor moveWithCells="1">
                  <from>
                    <xdr:col>22</xdr:col>
                    <xdr:colOff>171450</xdr:colOff>
                    <xdr:row>68</xdr:row>
                    <xdr:rowOff>133350</xdr:rowOff>
                  </from>
                  <to>
                    <xdr:col>24</xdr:col>
                    <xdr:colOff>114300</xdr:colOff>
                    <xdr:row>70</xdr:row>
                    <xdr:rowOff>19050</xdr:rowOff>
                  </to>
                </anchor>
              </controlPr>
            </control>
          </mc:Choice>
        </mc:AlternateContent>
        <mc:AlternateContent xmlns:mc="http://schemas.openxmlformats.org/markup-compatibility/2006">
          <mc:Choice Requires="x14">
            <control shapeId="17498" r:id="rId93" name="Check Box 90">
              <controlPr defaultSize="0" autoFill="0" autoLine="0" autoPict="0">
                <anchor moveWithCells="1">
                  <from>
                    <xdr:col>22</xdr:col>
                    <xdr:colOff>161925</xdr:colOff>
                    <xdr:row>69</xdr:row>
                    <xdr:rowOff>142875</xdr:rowOff>
                  </from>
                  <to>
                    <xdr:col>24</xdr:col>
                    <xdr:colOff>104775</xdr:colOff>
                    <xdr:row>71</xdr:row>
                    <xdr:rowOff>28575</xdr:rowOff>
                  </to>
                </anchor>
              </controlPr>
            </control>
          </mc:Choice>
        </mc:AlternateContent>
        <mc:AlternateContent xmlns:mc="http://schemas.openxmlformats.org/markup-compatibility/2006">
          <mc:Choice Requires="x14">
            <control shapeId="17499" r:id="rId94" name="Check Box 91">
              <controlPr defaultSize="0" autoFill="0" autoLine="0" autoPict="0">
                <anchor moveWithCells="1">
                  <from>
                    <xdr:col>22</xdr:col>
                    <xdr:colOff>152400</xdr:colOff>
                    <xdr:row>71</xdr:row>
                    <xdr:rowOff>142875</xdr:rowOff>
                  </from>
                  <to>
                    <xdr:col>24</xdr:col>
                    <xdr:colOff>95250</xdr:colOff>
                    <xdr:row>73</xdr:row>
                    <xdr:rowOff>28575</xdr:rowOff>
                  </to>
                </anchor>
              </controlPr>
            </control>
          </mc:Choice>
        </mc:AlternateContent>
        <mc:AlternateContent xmlns:mc="http://schemas.openxmlformats.org/markup-compatibility/2006">
          <mc:Choice Requires="x14">
            <control shapeId="17500" r:id="rId95" name="Check Box 92">
              <controlPr defaultSize="0" autoFill="0" autoLine="0" autoPict="0">
                <anchor moveWithCells="1">
                  <from>
                    <xdr:col>22</xdr:col>
                    <xdr:colOff>152400</xdr:colOff>
                    <xdr:row>72</xdr:row>
                    <xdr:rowOff>142875</xdr:rowOff>
                  </from>
                  <to>
                    <xdr:col>24</xdr:col>
                    <xdr:colOff>95250</xdr:colOff>
                    <xdr:row>74</xdr:row>
                    <xdr:rowOff>28575</xdr:rowOff>
                  </to>
                </anchor>
              </controlPr>
            </control>
          </mc:Choice>
        </mc:AlternateContent>
        <mc:AlternateContent xmlns:mc="http://schemas.openxmlformats.org/markup-compatibility/2006">
          <mc:Choice Requires="x14">
            <control shapeId="17501" r:id="rId96" name="Check Box 93">
              <controlPr defaultSize="0" autoFill="0" autoLine="0" autoPict="0">
                <anchor moveWithCells="1">
                  <from>
                    <xdr:col>6</xdr:col>
                    <xdr:colOff>161925</xdr:colOff>
                    <xdr:row>81</xdr:row>
                    <xdr:rowOff>9525</xdr:rowOff>
                  </from>
                  <to>
                    <xdr:col>8</xdr:col>
                    <xdr:colOff>104775</xdr:colOff>
                    <xdr:row>82</xdr:row>
                    <xdr:rowOff>47625</xdr:rowOff>
                  </to>
                </anchor>
              </controlPr>
            </control>
          </mc:Choice>
        </mc:AlternateContent>
        <mc:AlternateContent xmlns:mc="http://schemas.openxmlformats.org/markup-compatibility/2006">
          <mc:Choice Requires="x14">
            <control shapeId="17502" r:id="rId97" name="Check Box 94">
              <controlPr defaultSize="0" autoFill="0" autoLine="0" autoPict="0">
                <anchor moveWithCells="1">
                  <from>
                    <xdr:col>6</xdr:col>
                    <xdr:colOff>161925</xdr:colOff>
                    <xdr:row>84</xdr:row>
                    <xdr:rowOff>133350</xdr:rowOff>
                  </from>
                  <to>
                    <xdr:col>8</xdr:col>
                    <xdr:colOff>104775</xdr:colOff>
                    <xdr:row>86</xdr:row>
                    <xdr:rowOff>47625</xdr:rowOff>
                  </to>
                </anchor>
              </controlPr>
            </control>
          </mc:Choice>
        </mc:AlternateContent>
        <mc:AlternateContent xmlns:mc="http://schemas.openxmlformats.org/markup-compatibility/2006">
          <mc:Choice Requires="x14">
            <control shapeId="17503" r:id="rId98" name="Check Box 95">
              <controlPr defaultSize="0" autoFill="0" autoLine="0" autoPict="0">
                <anchor moveWithCells="1">
                  <from>
                    <xdr:col>6</xdr:col>
                    <xdr:colOff>161925</xdr:colOff>
                    <xdr:row>85</xdr:row>
                    <xdr:rowOff>161925</xdr:rowOff>
                  </from>
                  <to>
                    <xdr:col>8</xdr:col>
                    <xdr:colOff>104775</xdr:colOff>
                    <xdr:row>87</xdr:row>
                    <xdr:rowOff>28575</xdr:rowOff>
                  </to>
                </anchor>
              </controlPr>
            </control>
          </mc:Choice>
        </mc:AlternateContent>
        <mc:AlternateContent xmlns:mc="http://schemas.openxmlformats.org/markup-compatibility/2006">
          <mc:Choice Requires="x14">
            <control shapeId="17504" r:id="rId99" name="Check Box 96">
              <controlPr defaultSize="0" autoFill="0" autoLine="0" autoPict="0">
                <anchor moveWithCells="1">
                  <from>
                    <xdr:col>55</xdr:col>
                    <xdr:colOff>161925</xdr:colOff>
                    <xdr:row>81</xdr:row>
                    <xdr:rowOff>161925</xdr:rowOff>
                  </from>
                  <to>
                    <xdr:col>57</xdr:col>
                    <xdr:colOff>104775</xdr:colOff>
                    <xdr:row>83</xdr:row>
                    <xdr:rowOff>28575</xdr:rowOff>
                  </to>
                </anchor>
              </controlPr>
            </control>
          </mc:Choice>
        </mc:AlternateContent>
        <mc:AlternateContent xmlns:mc="http://schemas.openxmlformats.org/markup-compatibility/2006">
          <mc:Choice Requires="x14">
            <control shapeId="17505" r:id="rId100" name="Check Box 97">
              <controlPr defaultSize="0" autoFill="0" autoLine="0" autoPict="0">
                <anchor moveWithCells="1">
                  <from>
                    <xdr:col>22</xdr:col>
                    <xdr:colOff>161925</xdr:colOff>
                    <xdr:row>81</xdr:row>
                    <xdr:rowOff>0</xdr:rowOff>
                  </from>
                  <to>
                    <xdr:col>24</xdr:col>
                    <xdr:colOff>104775</xdr:colOff>
                    <xdr:row>82</xdr:row>
                    <xdr:rowOff>38100</xdr:rowOff>
                  </to>
                </anchor>
              </controlPr>
            </control>
          </mc:Choice>
        </mc:AlternateContent>
        <mc:AlternateContent xmlns:mc="http://schemas.openxmlformats.org/markup-compatibility/2006">
          <mc:Choice Requires="x14">
            <control shapeId="17506" r:id="rId101" name="Check Box 98">
              <controlPr defaultSize="0" autoFill="0" autoLine="0" autoPict="0">
                <anchor moveWithCells="1">
                  <from>
                    <xdr:col>55</xdr:col>
                    <xdr:colOff>152400</xdr:colOff>
                    <xdr:row>57</xdr:row>
                    <xdr:rowOff>152400</xdr:rowOff>
                  </from>
                  <to>
                    <xdr:col>57</xdr:col>
                    <xdr:colOff>95250</xdr:colOff>
                    <xdr:row>59</xdr:row>
                    <xdr:rowOff>38100</xdr:rowOff>
                  </to>
                </anchor>
              </controlPr>
            </control>
          </mc:Choice>
        </mc:AlternateContent>
        <mc:AlternateContent xmlns:mc="http://schemas.openxmlformats.org/markup-compatibility/2006">
          <mc:Choice Requires="x14">
            <control shapeId="17507" r:id="rId102" name="Check Box 99">
              <controlPr defaultSize="0" autoFill="0" autoLine="0" autoPict="0">
                <anchor moveWithCells="1">
                  <from>
                    <xdr:col>55</xdr:col>
                    <xdr:colOff>161925</xdr:colOff>
                    <xdr:row>45</xdr:row>
                    <xdr:rowOff>0</xdr:rowOff>
                  </from>
                  <to>
                    <xdr:col>57</xdr:col>
                    <xdr:colOff>104775</xdr:colOff>
                    <xdr:row>46</xdr:row>
                    <xdr:rowOff>38100</xdr:rowOff>
                  </to>
                </anchor>
              </controlPr>
            </control>
          </mc:Choice>
        </mc:AlternateContent>
        <mc:AlternateContent xmlns:mc="http://schemas.openxmlformats.org/markup-compatibility/2006">
          <mc:Choice Requires="x14">
            <control shapeId="17508" r:id="rId103" name="Check Box 100">
              <controlPr defaultSize="0" autoFill="0" autoLine="0" autoPict="0">
                <anchor moveWithCells="1">
                  <from>
                    <xdr:col>41</xdr:col>
                    <xdr:colOff>133350</xdr:colOff>
                    <xdr:row>24</xdr:row>
                    <xdr:rowOff>142875</xdr:rowOff>
                  </from>
                  <to>
                    <xdr:col>43</xdr:col>
                    <xdr:colOff>76200</xdr:colOff>
                    <xdr:row>26</xdr:row>
                    <xdr:rowOff>28575</xdr:rowOff>
                  </to>
                </anchor>
              </controlPr>
            </control>
          </mc:Choice>
        </mc:AlternateContent>
        <mc:AlternateContent xmlns:mc="http://schemas.openxmlformats.org/markup-compatibility/2006">
          <mc:Choice Requires="x14">
            <control shapeId="17509" r:id="rId104" name="Check Box 101">
              <controlPr defaultSize="0" autoFill="0" autoLine="0" autoPict="0">
                <anchor moveWithCells="1">
                  <from>
                    <xdr:col>40</xdr:col>
                    <xdr:colOff>171450</xdr:colOff>
                    <xdr:row>20</xdr:row>
                    <xdr:rowOff>152400</xdr:rowOff>
                  </from>
                  <to>
                    <xdr:col>42</xdr:col>
                    <xdr:colOff>114300</xdr:colOff>
                    <xdr:row>22</xdr:row>
                    <xdr:rowOff>38100</xdr:rowOff>
                  </to>
                </anchor>
              </controlPr>
            </control>
          </mc:Choice>
        </mc:AlternateContent>
        <mc:AlternateContent xmlns:mc="http://schemas.openxmlformats.org/markup-compatibility/2006">
          <mc:Choice Requires="x14">
            <control shapeId="17510" r:id="rId105" name="Check Box 102">
              <controlPr defaultSize="0" autoFill="0" autoLine="0" autoPict="0">
                <anchor moveWithCells="1">
                  <from>
                    <xdr:col>54</xdr:col>
                    <xdr:colOff>152400</xdr:colOff>
                    <xdr:row>17</xdr:row>
                    <xdr:rowOff>152400</xdr:rowOff>
                  </from>
                  <to>
                    <xdr:col>56</xdr:col>
                    <xdr:colOff>95250</xdr:colOff>
                    <xdr:row>19</xdr:row>
                    <xdr:rowOff>19050</xdr:rowOff>
                  </to>
                </anchor>
              </controlPr>
            </control>
          </mc:Choice>
        </mc:AlternateContent>
        <mc:AlternateContent xmlns:mc="http://schemas.openxmlformats.org/markup-compatibility/2006">
          <mc:Choice Requires="x14">
            <control shapeId="17511" r:id="rId106" name="Check Box 103">
              <controlPr defaultSize="0" autoFill="0" autoLine="0" autoPict="0">
                <anchor moveWithCells="1">
                  <from>
                    <xdr:col>23</xdr:col>
                    <xdr:colOff>171450</xdr:colOff>
                    <xdr:row>81</xdr:row>
                    <xdr:rowOff>133350</xdr:rowOff>
                  </from>
                  <to>
                    <xdr:col>25</xdr:col>
                    <xdr:colOff>114300</xdr:colOff>
                    <xdr:row>83</xdr:row>
                    <xdr:rowOff>28575</xdr:rowOff>
                  </to>
                </anchor>
              </controlPr>
            </control>
          </mc:Choice>
        </mc:AlternateContent>
        <mc:AlternateContent xmlns:mc="http://schemas.openxmlformats.org/markup-compatibility/2006">
          <mc:Choice Requires="x14">
            <control shapeId="17512" r:id="rId107" name="Check Box 104">
              <controlPr defaultSize="0" autoFill="0" autoLine="0" autoPict="0">
                <anchor moveWithCells="1">
                  <from>
                    <xdr:col>28</xdr:col>
                    <xdr:colOff>171450</xdr:colOff>
                    <xdr:row>81</xdr:row>
                    <xdr:rowOff>142875</xdr:rowOff>
                  </from>
                  <to>
                    <xdr:col>30</xdr:col>
                    <xdr:colOff>114300</xdr:colOff>
                    <xdr:row>83</xdr:row>
                    <xdr:rowOff>38100</xdr:rowOff>
                  </to>
                </anchor>
              </controlPr>
            </control>
          </mc:Choice>
        </mc:AlternateContent>
        <mc:AlternateContent xmlns:mc="http://schemas.openxmlformats.org/markup-compatibility/2006">
          <mc:Choice Requires="x14">
            <control shapeId="17513" r:id="rId108" name="Check Box 105">
              <controlPr defaultSize="0" autoFill="0" autoLine="0" autoPict="0">
                <anchor moveWithCells="1">
                  <from>
                    <xdr:col>22</xdr:col>
                    <xdr:colOff>152400</xdr:colOff>
                    <xdr:row>82</xdr:row>
                    <xdr:rowOff>142875</xdr:rowOff>
                  </from>
                  <to>
                    <xdr:col>24</xdr:col>
                    <xdr:colOff>95250</xdr:colOff>
                    <xdr:row>84</xdr:row>
                    <xdr:rowOff>38100</xdr:rowOff>
                  </to>
                </anchor>
              </controlPr>
            </control>
          </mc:Choice>
        </mc:AlternateContent>
        <mc:AlternateContent xmlns:mc="http://schemas.openxmlformats.org/markup-compatibility/2006">
          <mc:Choice Requires="x14">
            <control shapeId="17514" r:id="rId109" name="Check Box 106">
              <controlPr defaultSize="0" autoFill="0" autoLine="0" autoPict="0">
                <anchor moveWithCells="1">
                  <from>
                    <xdr:col>28</xdr:col>
                    <xdr:colOff>161925</xdr:colOff>
                    <xdr:row>83</xdr:row>
                    <xdr:rowOff>133350</xdr:rowOff>
                  </from>
                  <to>
                    <xdr:col>30</xdr:col>
                    <xdr:colOff>104775</xdr:colOff>
                    <xdr:row>85</xdr:row>
                    <xdr:rowOff>28575</xdr:rowOff>
                  </to>
                </anchor>
              </controlPr>
            </control>
          </mc:Choice>
        </mc:AlternateContent>
        <mc:AlternateContent xmlns:mc="http://schemas.openxmlformats.org/markup-compatibility/2006">
          <mc:Choice Requires="x14">
            <control shapeId="17515" r:id="rId110" name="Check Box 107">
              <controlPr defaultSize="0" autoFill="0" autoLine="0" autoPict="0">
                <anchor moveWithCells="1">
                  <from>
                    <xdr:col>23</xdr:col>
                    <xdr:colOff>152400</xdr:colOff>
                    <xdr:row>83</xdr:row>
                    <xdr:rowOff>133350</xdr:rowOff>
                  </from>
                  <to>
                    <xdr:col>25</xdr:col>
                    <xdr:colOff>95250</xdr:colOff>
                    <xdr:row>85</xdr:row>
                    <xdr:rowOff>28575</xdr:rowOff>
                  </to>
                </anchor>
              </controlPr>
            </control>
          </mc:Choice>
        </mc:AlternateContent>
        <mc:AlternateContent xmlns:mc="http://schemas.openxmlformats.org/markup-compatibility/2006">
          <mc:Choice Requires="x14">
            <control shapeId="17516" r:id="rId111" name="Check Box 108">
              <controlPr defaultSize="0" autoFill="0" autoLine="0" autoPict="0">
                <anchor moveWithCells="1">
                  <from>
                    <xdr:col>22</xdr:col>
                    <xdr:colOff>152400</xdr:colOff>
                    <xdr:row>85</xdr:row>
                    <xdr:rowOff>133350</xdr:rowOff>
                  </from>
                  <to>
                    <xdr:col>24</xdr:col>
                    <xdr:colOff>95250</xdr:colOff>
                    <xdr:row>87</xdr:row>
                    <xdr:rowOff>28575</xdr:rowOff>
                  </to>
                </anchor>
              </controlPr>
            </control>
          </mc:Choice>
        </mc:AlternateContent>
        <mc:AlternateContent xmlns:mc="http://schemas.openxmlformats.org/markup-compatibility/2006">
          <mc:Choice Requires="x14">
            <control shapeId="17517" r:id="rId112" name="Check Box 109">
              <controlPr defaultSize="0" autoFill="0" autoLine="0" autoPict="0">
                <anchor moveWithCells="1">
                  <from>
                    <xdr:col>27</xdr:col>
                    <xdr:colOff>142875</xdr:colOff>
                    <xdr:row>86</xdr:row>
                    <xdr:rowOff>142875</xdr:rowOff>
                  </from>
                  <to>
                    <xdr:col>29</xdr:col>
                    <xdr:colOff>85725</xdr:colOff>
                    <xdr:row>88</xdr:row>
                    <xdr:rowOff>38100</xdr:rowOff>
                  </to>
                </anchor>
              </controlPr>
            </control>
          </mc:Choice>
        </mc:AlternateContent>
        <mc:AlternateContent xmlns:mc="http://schemas.openxmlformats.org/markup-compatibility/2006">
          <mc:Choice Requires="x14">
            <control shapeId="17518" r:id="rId113" name="Check Box 110">
              <controlPr defaultSize="0" autoFill="0" autoLine="0" autoPict="0">
                <anchor moveWithCells="1">
                  <from>
                    <xdr:col>23</xdr:col>
                    <xdr:colOff>152400</xdr:colOff>
                    <xdr:row>86</xdr:row>
                    <xdr:rowOff>133350</xdr:rowOff>
                  </from>
                  <to>
                    <xdr:col>25</xdr:col>
                    <xdr:colOff>95250</xdr:colOff>
                    <xdr:row>88</xdr:row>
                    <xdr:rowOff>28575</xdr:rowOff>
                  </to>
                </anchor>
              </controlPr>
            </control>
          </mc:Choice>
        </mc:AlternateContent>
        <mc:AlternateContent xmlns:mc="http://schemas.openxmlformats.org/markup-compatibility/2006">
          <mc:Choice Requires="x14">
            <control shapeId="17519" r:id="rId114" name="Check Box 111">
              <controlPr defaultSize="0" autoFill="0" autoLine="0" autoPict="0">
                <anchor moveWithCells="1">
                  <from>
                    <xdr:col>31</xdr:col>
                    <xdr:colOff>152400</xdr:colOff>
                    <xdr:row>86</xdr:row>
                    <xdr:rowOff>123825</xdr:rowOff>
                  </from>
                  <to>
                    <xdr:col>33</xdr:col>
                    <xdr:colOff>95250</xdr:colOff>
                    <xdr:row>88</xdr:row>
                    <xdr:rowOff>19050</xdr:rowOff>
                  </to>
                </anchor>
              </controlPr>
            </control>
          </mc:Choice>
        </mc:AlternateContent>
        <mc:AlternateContent xmlns:mc="http://schemas.openxmlformats.org/markup-compatibility/2006">
          <mc:Choice Requires="x14">
            <control shapeId="17520" r:id="rId115" name="Check Box 112">
              <controlPr defaultSize="0" autoFill="0" autoLine="0" autoPict="0">
                <anchor moveWithCells="1">
                  <from>
                    <xdr:col>35</xdr:col>
                    <xdr:colOff>161925</xdr:colOff>
                    <xdr:row>86</xdr:row>
                    <xdr:rowOff>133350</xdr:rowOff>
                  </from>
                  <to>
                    <xdr:col>37</xdr:col>
                    <xdr:colOff>104775</xdr:colOff>
                    <xdr:row>88</xdr:row>
                    <xdr:rowOff>28575</xdr:rowOff>
                  </to>
                </anchor>
              </controlPr>
            </control>
          </mc:Choice>
        </mc:AlternateContent>
        <mc:AlternateContent xmlns:mc="http://schemas.openxmlformats.org/markup-compatibility/2006">
          <mc:Choice Requires="x14">
            <control shapeId="17521" r:id="rId116" name="Check Box 113">
              <controlPr defaultSize="0" autoFill="0" autoLine="0" autoPict="0">
                <anchor moveWithCells="1">
                  <from>
                    <xdr:col>39</xdr:col>
                    <xdr:colOff>152400</xdr:colOff>
                    <xdr:row>86</xdr:row>
                    <xdr:rowOff>133350</xdr:rowOff>
                  </from>
                  <to>
                    <xdr:col>41</xdr:col>
                    <xdr:colOff>95250</xdr:colOff>
                    <xdr:row>88</xdr:row>
                    <xdr:rowOff>28575</xdr:rowOff>
                  </to>
                </anchor>
              </controlPr>
            </control>
          </mc:Choice>
        </mc:AlternateContent>
        <mc:AlternateContent xmlns:mc="http://schemas.openxmlformats.org/markup-compatibility/2006">
          <mc:Choice Requires="x14">
            <control shapeId="17522" r:id="rId117" name="Check Box 114">
              <controlPr defaultSize="0" autoFill="0" autoLine="0" autoPict="0">
                <anchor moveWithCells="1">
                  <from>
                    <xdr:col>22</xdr:col>
                    <xdr:colOff>161925</xdr:colOff>
                    <xdr:row>87</xdr:row>
                    <xdr:rowOff>142875</xdr:rowOff>
                  </from>
                  <to>
                    <xdr:col>24</xdr:col>
                    <xdr:colOff>104775</xdr:colOff>
                    <xdr:row>89</xdr:row>
                    <xdr:rowOff>9525</xdr:rowOff>
                  </to>
                </anchor>
              </controlPr>
            </control>
          </mc:Choice>
        </mc:AlternateContent>
        <mc:AlternateContent xmlns:mc="http://schemas.openxmlformats.org/markup-compatibility/2006">
          <mc:Choice Requires="x14">
            <control shapeId="17523" r:id="rId118" name="Check Box 115">
              <controlPr defaultSize="0" autoFill="0" autoLine="0" autoPict="0">
                <anchor moveWithCells="1">
                  <from>
                    <xdr:col>23</xdr:col>
                    <xdr:colOff>152400</xdr:colOff>
                    <xdr:row>88</xdr:row>
                    <xdr:rowOff>133350</xdr:rowOff>
                  </from>
                  <to>
                    <xdr:col>25</xdr:col>
                    <xdr:colOff>95250</xdr:colOff>
                    <xdr:row>90</xdr:row>
                    <xdr:rowOff>28575</xdr:rowOff>
                  </to>
                </anchor>
              </controlPr>
            </control>
          </mc:Choice>
        </mc:AlternateContent>
        <mc:AlternateContent xmlns:mc="http://schemas.openxmlformats.org/markup-compatibility/2006">
          <mc:Choice Requires="x14">
            <control shapeId="17524" r:id="rId119" name="Check Box 116">
              <controlPr defaultSize="0" autoFill="0" autoLine="0" autoPict="0">
                <anchor moveWithCells="1">
                  <from>
                    <xdr:col>23</xdr:col>
                    <xdr:colOff>152400</xdr:colOff>
                    <xdr:row>89</xdr:row>
                    <xdr:rowOff>123825</xdr:rowOff>
                  </from>
                  <to>
                    <xdr:col>25</xdr:col>
                    <xdr:colOff>95250</xdr:colOff>
                    <xdr:row>91</xdr:row>
                    <xdr:rowOff>19050</xdr:rowOff>
                  </to>
                </anchor>
              </controlPr>
            </control>
          </mc:Choice>
        </mc:AlternateContent>
        <mc:AlternateContent xmlns:mc="http://schemas.openxmlformats.org/markup-compatibility/2006">
          <mc:Choice Requires="x14">
            <control shapeId="17525" r:id="rId120" name="Check Box 117">
              <controlPr defaultSize="0" autoFill="0" autoLine="0" autoPict="0">
                <anchor moveWithCells="1">
                  <from>
                    <xdr:col>37</xdr:col>
                    <xdr:colOff>152400</xdr:colOff>
                    <xdr:row>88</xdr:row>
                    <xdr:rowOff>142875</xdr:rowOff>
                  </from>
                  <to>
                    <xdr:col>39</xdr:col>
                    <xdr:colOff>95250</xdr:colOff>
                    <xdr:row>90</xdr:row>
                    <xdr:rowOff>38100</xdr:rowOff>
                  </to>
                </anchor>
              </controlPr>
            </control>
          </mc:Choice>
        </mc:AlternateContent>
        <mc:AlternateContent xmlns:mc="http://schemas.openxmlformats.org/markup-compatibility/2006">
          <mc:Choice Requires="x14">
            <control shapeId="17526" r:id="rId121" name="Check Box 118">
              <controlPr defaultSize="0" autoFill="0" autoLine="0" autoPict="0">
                <anchor moveWithCells="1">
                  <from>
                    <xdr:col>55</xdr:col>
                    <xdr:colOff>152400</xdr:colOff>
                    <xdr:row>88</xdr:row>
                    <xdr:rowOff>161925</xdr:rowOff>
                  </from>
                  <to>
                    <xdr:col>57</xdr:col>
                    <xdr:colOff>95250</xdr:colOff>
                    <xdr:row>90</xdr:row>
                    <xdr:rowOff>28575</xdr:rowOff>
                  </to>
                </anchor>
              </controlPr>
            </control>
          </mc:Choice>
        </mc:AlternateContent>
        <mc:AlternateContent xmlns:mc="http://schemas.openxmlformats.org/markup-compatibility/2006">
          <mc:Choice Requires="x14">
            <control shapeId="17527" r:id="rId122" name="Check Box 119">
              <controlPr defaultSize="0" autoFill="0" autoLine="0" autoPict="0">
                <anchor moveWithCells="1">
                  <from>
                    <xdr:col>55</xdr:col>
                    <xdr:colOff>161925</xdr:colOff>
                    <xdr:row>89</xdr:row>
                    <xdr:rowOff>152400</xdr:rowOff>
                  </from>
                  <to>
                    <xdr:col>57</xdr:col>
                    <xdr:colOff>104775</xdr:colOff>
                    <xdr:row>91</xdr:row>
                    <xdr:rowOff>19050</xdr:rowOff>
                  </to>
                </anchor>
              </controlPr>
            </control>
          </mc:Choice>
        </mc:AlternateContent>
        <mc:AlternateContent xmlns:mc="http://schemas.openxmlformats.org/markup-compatibility/2006">
          <mc:Choice Requires="x14">
            <control shapeId="17528" r:id="rId123" name="Check Box 120">
              <controlPr defaultSize="0" autoFill="0" autoLine="0" autoPict="0">
                <anchor moveWithCells="1">
                  <from>
                    <xdr:col>55</xdr:col>
                    <xdr:colOff>161925</xdr:colOff>
                    <xdr:row>91</xdr:row>
                    <xdr:rowOff>142875</xdr:rowOff>
                  </from>
                  <to>
                    <xdr:col>57</xdr:col>
                    <xdr:colOff>104775</xdr:colOff>
                    <xdr:row>93</xdr:row>
                    <xdr:rowOff>38100</xdr:rowOff>
                  </to>
                </anchor>
              </controlPr>
            </control>
          </mc:Choice>
        </mc:AlternateContent>
        <mc:AlternateContent xmlns:mc="http://schemas.openxmlformats.org/markup-compatibility/2006">
          <mc:Choice Requires="x14">
            <control shapeId="17529" r:id="rId124" name="Check Box 121">
              <controlPr defaultSize="0" autoFill="0" autoLine="0" autoPict="0">
                <anchor moveWithCells="1">
                  <from>
                    <xdr:col>22</xdr:col>
                    <xdr:colOff>152400</xdr:colOff>
                    <xdr:row>90</xdr:row>
                    <xdr:rowOff>142875</xdr:rowOff>
                  </from>
                  <to>
                    <xdr:col>24</xdr:col>
                    <xdr:colOff>95250</xdr:colOff>
                    <xdr:row>92</xdr:row>
                    <xdr:rowOff>38100</xdr:rowOff>
                  </to>
                </anchor>
              </controlPr>
            </control>
          </mc:Choice>
        </mc:AlternateContent>
        <mc:AlternateContent xmlns:mc="http://schemas.openxmlformats.org/markup-compatibility/2006">
          <mc:Choice Requires="x14">
            <control shapeId="17530" r:id="rId125" name="Check Box 122">
              <controlPr defaultSize="0" autoFill="0" autoLine="0" autoPict="0">
                <anchor moveWithCells="1">
                  <from>
                    <xdr:col>28</xdr:col>
                    <xdr:colOff>133350</xdr:colOff>
                    <xdr:row>91</xdr:row>
                    <xdr:rowOff>142875</xdr:rowOff>
                  </from>
                  <to>
                    <xdr:col>30</xdr:col>
                    <xdr:colOff>76200</xdr:colOff>
                    <xdr:row>93</xdr:row>
                    <xdr:rowOff>38100</xdr:rowOff>
                  </to>
                </anchor>
              </controlPr>
            </control>
          </mc:Choice>
        </mc:AlternateContent>
        <mc:AlternateContent xmlns:mc="http://schemas.openxmlformats.org/markup-compatibility/2006">
          <mc:Choice Requires="x14">
            <control shapeId="17531" r:id="rId126" name="Check Box 123">
              <controlPr defaultSize="0" autoFill="0" autoLine="0" autoPict="0">
                <anchor moveWithCells="1">
                  <from>
                    <xdr:col>32</xdr:col>
                    <xdr:colOff>161925</xdr:colOff>
                    <xdr:row>91</xdr:row>
                    <xdr:rowOff>133350</xdr:rowOff>
                  </from>
                  <to>
                    <xdr:col>34</xdr:col>
                    <xdr:colOff>104775</xdr:colOff>
                    <xdr:row>93</xdr:row>
                    <xdr:rowOff>28575</xdr:rowOff>
                  </to>
                </anchor>
              </controlPr>
            </control>
          </mc:Choice>
        </mc:AlternateContent>
        <mc:AlternateContent xmlns:mc="http://schemas.openxmlformats.org/markup-compatibility/2006">
          <mc:Choice Requires="x14">
            <control shapeId="17532" r:id="rId127" name="Check Box 124">
              <controlPr defaultSize="0" autoFill="0" autoLine="0" autoPict="0">
                <anchor moveWithCells="1">
                  <from>
                    <xdr:col>37</xdr:col>
                    <xdr:colOff>171450</xdr:colOff>
                    <xdr:row>91</xdr:row>
                    <xdr:rowOff>161925</xdr:rowOff>
                  </from>
                  <to>
                    <xdr:col>39</xdr:col>
                    <xdr:colOff>114300</xdr:colOff>
                    <xdr:row>93</xdr:row>
                    <xdr:rowOff>28575</xdr:rowOff>
                  </to>
                </anchor>
              </controlPr>
            </control>
          </mc:Choice>
        </mc:AlternateContent>
        <mc:AlternateContent xmlns:mc="http://schemas.openxmlformats.org/markup-compatibility/2006">
          <mc:Choice Requires="x14">
            <control shapeId="17533" r:id="rId128" name="Check Box 125">
              <controlPr defaultSize="0" autoFill="0" autoLine="0" autoPict="0">
                <anchor moveWithCells="1">
                  <from>
                    <xdr:col>42</xdr:col>
                    <xdr:colOff>161925</xdr:colOff>
                    <xdr:row>91</xdr:row>
                    <xdr:rowOff>142875</xdr:rowOff>
                  </from>
                  <to>
                    <xdr:col>44</xdr:col>
                    <xdr:colOff>104775</xdr:colOff>
                    <xdr:row>93</xdr:row>
                    <xdr:rowOff>38100</xdr:rowOff>
                  </to>
                </anchor>
              </controlPr>
            </control>
          </mc:Choice>
        </mc:AlternateContent>
        <mc:AlternateContent xmlns:mc="http://schemas.openxmlformats.org/markup-compatibility/2006">
          <mc:Choice Requires="x14">
            <control shapeId="17534" r:id="rId129" name="Check Box 126">
              <controlPr defaultSize="0" autoFill="0" autoLine="0" autoPict="0">
                <anchor moveWithCells="1">
                  <from>
                    <xdr:col>23</xdr:col>
                    <xdr:colOff>161925</xdr:colOff>
                    <xdr:row>91</xdr:row>
                    <xdr:rowOff>142875</xdr:rowOff>
                  </from>
                  <to>
                    <xdr:col>25</xdr:col>
                    <xdr:colOff>104775</xdr:colOff>
                    <xdr:row>93</xdr:row>
                    <xdr:rowOff>38100</xdr:rowOff>
                  </to>
                </anchor>
              </controlPr>
            </control>
          </mc:Choice>
        </mc:AlternateContent>
        <mc:AlternateContent xmlns:mc="http://schemas.openxmlformats.org/markup-compatibility/2006">
          <mc:Choice Requires="x14">
            <control shapeId="17535" r:id="rId130" name="Check Box 127">
              <controlPr defaultSize="0" autoFill="0" autoLine="0" autoPict="0">
                <anchor moveWithCells="1">
                  <from>
                    <xdr:col>22</xdr:col>
                    <xdr:colOff>161925</xdr:colOff>
                    <xdr:row>92</xdr:row>
                    <xdr:rowOff>133350</xdr:rowOff>
                  </from>
                  <to>
                    <xdr:col>24</xdr:col>
                    <xdr:colOff>104775</xdr:colOff>
                    <xdr:row>94</xdr:row>
                    <xdr:rowOff>28575</xdr:rowOff>
                  </to>
                </anchor>
              </controlPr>
            </control>
          </mc:Choice>
        </mc:AlternateContent>
        <mc:AlternateContent xmlns:mc="http://schemas.openxmlformats.org/markup-compatibility/2006">
          <mc:Choice Requires="x14">
            <control shapeId="17536" r:id="rId131" name="Check Box 128">
              <controlPr defaultSize="0" autoFill="0" autoLine="0" autoPict="0">
                <anchor moveWithCells="1">
                  <from>
                    <xdr:col>6</xdr:col>
                    <xdr:colOff>161925</xdr:colOff>
                    <xdr:row>92</xdr:row>
                    <xdr:rowOff>142875</xdr:rowOff>
                  </from>
                  <to>
                    <xdr:col>8</xdr:col>
                    <xdr:colOff>104775</xdr:colOff>
                    <xdr:row>94</xdr:row>
                    <xdr:rowOff>38100</xdr:rowOff>
                  </to>
                </anchor>
              </controlPr>
            </control>
          </mc:Choice>
        </mc:AlternateContent>
        <mc:AlternateContent xmlns:mc="http://schemas.openxmlformats.org/markup-compatibility/2006">
          <mc:Choice Requires="x14">
            <control shapeId="17537" r:id="rId132" name="Check Box 129">
              <controlPr defaultSize="0" autoFill="0" autoLine="0" autoPict="0">
                <anchor moveWithCells="1">
                  <from>
                    <xdr:col>22</xdr:col>
                    <xdr:colOff>161925</xdr:colOff>
                    <xdr:row>93</xdr:row>
                    <xdr:rowOff>142875</xdr:rowOff>
                  </from>
                  <to>
                    <xdr:col>24</xdr:col>
                    <xdr:colOff>104775</xdr:colOff>
                    <xdr:row>95</xdr:row>
                    <xdr:rowOff>38100</xdr:rowOff>
                  </to>
                </anchor>
              </controlPr>
            </control>
          </mc:Choice>
        </mc:AlternateContent>
        <mc:AlternateContent xmlns:mc="http://schemas.openxmlformats.org/markup-compatibility/2006">
          <mc:Choice Requires="x14">
            <control shapeId="17538" r:id="rId133" name="Check Box 130">
              <controlPr defaultSize="0" autoFill="0" autoLine="0" autoPict="0">
                <anchor moveWithCells="1">
                  <from>
                    <xdr:col>6</xdr:col>
                    <xdr:colOff>161925</xdr:colOff>
                    <xdr:row>100</xdr:row>
                    <xdr:rowOff>142875</xdr:rowOff>
                  </from>
                  <to>
                    <xdr:col>8</xdr:col>
                    <xdr:colOff>104775</xdr:colOff>
                    <xdr:row>102</xdr:row>
                    <xdr:rowOff>38100</xdr:rowOff>
                  </to>
                </anchor>
              </controlPr>
            </control>
          </mc:Choice>
        </mc:AlternateContent>
        <mc:AlternateContent xmlns:mc="http://schemas.openxmlformats.org/markup-compatibility/2006">
          <mc:Choice Requires="x14">
            <control shapeId="17539" r:id="rId134" name="Check Box 131">
              <controlPr defaultSize="0" autoFill="0" autoLine="0" autoPict="0">
                <anchor moveWithCells="1">
                  <from>
                    <xdr:col>22</xdr:col>
                    <xdr:colOff>152400</xdr:colOff>
                    <xdr:row>96</xdr:row>
                    <xdr:rowOff>133350</xdr:rowOff>
                  </from>
                  <to>
                    <xdr:col>24</xdr:col>
                    <xdr:colOff>95250</xdr:colOff>
                    <xdr:row>98</xdr:row>
                    <xdr:rowOff>28575</xdr:rowOff>
                  </to>
                </anchor>
              </controlPr>
            </control>
          </mc:Choice>
        </mc:AlternateContent>
        <mc:AlternateContent xmlns:mc="http://schemas.openxmlformats.org/markup-compatibility/2006">
          <mc:Choice Requires="x14">
            <control shapeId="17540" r:id="rId135" name="Check Box 132">
              <controlPr defaultSize="0" autoFill="0" autoLine="0" autoPict="0">
                <anchor moveWithCells="1">
                  <from>
                    <xdr:col>22</xdr:col>
                    <xdr:colOff>161925</xdr:colOff>
                    <xdr:row>98</xdr:row>
                    <xdr:rowOff>152400</xdr:rowOff>
                  </from>
                  <to>
                    <xdr:col>24</xdr:col>
                    <xdr:colOff>104775</xdr:colOff>
                    <xdr:row>100</xdr:row>
                    <xdr:rowOff>47625</xdr:rowOff>
                  </to>
                </anchor>
              </controlPr>
            </control>
          </mc:Choice>
        </mc:AlternateContent>
        <mc:AlternateContent xmlns:mc="http://schemas.openxmlformats.org/markup-compatibility/2006">
          <mc:Choice Requires="x14">
            <control shapeId="17541" r:id="rId136" name="Check Box 133">
              <controlPr defaultSize="0" autoFill="0" autoLine="0" autoPict="0">
                <anchor moveWithCells="1">
                  <from>
                    <xdr:col>23</xdr:col>
                    <xdr:colOff>161925</xdr:colOff>
                    <xdr:row>97</xdr:row>
                    <xdr:rowOff>152400</xdr:rowOff>
                  </from>
                  <to>
                    <xdr:col>25</xdr:col>
                    <xdr:colOff>104775</xdr:colOff>
                    <xdr:row>99</xdr:row>
                    <xdr:rowOff>19050</xdr:rowOff>
                  </to>
                </anchor>
              </controlPr>
            </control>
          </mc:Choice>
        </mc:AlternateContent>
        <mc:AlternateContent xmlns:mc="http://schemas.openxmlformats.org/markup-compatibility/2006">
          <mc:Choice Requires="x14">
            <control shapeId="17542" r:id="rId137" name="Check Box 134">
              <controlPr defaultSize="0" autoFill="0" autoLine="0" autoPict="0">
                <anchor moveWithCells="1">
                  <from>
                    <xdr:col>27</xdr:col>
                    <xdr:colOff>152400</xdr:colOff>
                    <xdr:row>97</xdr:row>
                    <xdr:rowOff>152400</xdr:rowOff>
                  </from>
                  <to>
                    <xdr:col>29</xdr:col>
                    <xdr:colOff>95250</xdr:colOff>
                    <xdr:row>99</xdr:row>
                    <xdr:rowOff>47625</xdr:rowOff>
                  </to>
                </anchor>
              </controlPr>
            </control>
          </mc:Choice>
        </mc:AlternateContent>
        <mc:AlternateContent xmlns:mc="http://schemas.openxmlformats.org/markup-compatibility/2006">
          <mc:Choice Requires="x14">
            <control shapeId="17543" r:id="rId138" name="Check Box 135">
              <controlPr defaultSize="0" autoFill="0" autoLine="0" autoPict="0">
                <anchor moveWithCells="1">
                  <from>
                    <xdr:col>31</xdr:col>
                    <xdr:colOff>152400</xdr:colOff>
                    <xdr:row>97</xdr:row>
                    <xdr:rowOff>133350</xdr:rowOff>
                  </from>
                  <to>
                    <xdr:col>33</xdr:col>
                    <xdr:colOff>95250</xdr:colOff>
                    <xdr:row>99</xdr:row>
                    <xdr:rowOff>28575</xdr:rowOff>
                  </to>
                </anchor>
              </controlPr>
            </control>
          </mc:Choice>
        </mc:AlternateContent>
        <mc:AlternateContent xmlns:mc="http://schemas.openxmlformats.org/markup-compatibility/2006">
          <mc:Choice Requires="x14">
            <control shapeId="17544" r:id="rId139" name="Check Box 136">
              <controlPr defaultSize="0" autoFill="0" autoLine="0" autoPict="0">
                <anchor moveWithCells="1">
                  <from>
                    <xdr:col>35</xdr:col>
                    <xdr:colOff>152400</xdr:colOff>
                    <xdr:row>97</xdr:row>
                    <xdr:rowOff>133350</xdr:rowOff>
                  </from>
                  <to>
                    <xdr:col>37</xdr:col>
                    <xdr:colOff>95250</xdr:colOff>
                    <xdr:row>99</xdr:row>
                    <xdr:rowOff>28575</xdr:rowOff>
                  </to>
                </anchor>
              </controlPr>
            </control>
          </mc:Choice>
        </mc:AlternateContent>
        <mc:AlternateContent xmlns:mc="http://schemas.openxmlformats.org/markup-compatibility/2006">
          <mc:Choice Requires="x14">
            <control shapeId="17545" r:id="rId140" name="Check Box 137">
              <controlPr defaultSize="0" autoFill="0" autoLine="0" autoPict="0">
                <anchor moveWithCells="1">
                  <from>
                    <xdr:col>39</xdr:col>
                    <xdr:colOff>152400</xdr:colOff>
                    <xdr:row>97</xdr:row>
                    <xdr:rowOff>133350</xdr:rowOff>
                  </from>
                  <to>
                    <xdr:col>41</xdr:col>
                    <xdr:colOff>95250</xdr:colOff>
                    <xdr:row>99</xdr:row>
                    <xdr:rowOff>28575</xdr:rowOff>
                  </to>
                </anchor>
              </controlPr>
            </control>
          </mc:Choice>
        </mc:AlternateContent>
        <mc:AlternateContent xmlns:mc="http://schemas.openxmlformats.org/markup-compatibility/2006">
          <mc:Choice Requires="x14">
            <control shapeId="17546" r:id="rId141" name="Check Box 138">
              <controlPr defaultSize="0" autoFill="0" autoLine="0" autoPict="0">
                <anchor moveWithCells="1">
                  <from>
                    <xdr:col>43</xdr:col>
                    <xdr:colOff>161925</xdr:colOff>
                    <xdr:row>97</xdr:row>
                    <xdr:rowOff>152400</xdr:rowOff>
                  </from>
                  <to>
                    <xdr:col>45</xdr:col>
                    <xdr:colOff>104775</xdr:colOff>
                    <xdr:row>99</xdr:row>
                    <xdr:rowOff>19050</xdr:rowOff>
                  </to>
                </anchor>
              </controlPr>
            </control>
          </mc:Choice>
        </mc:AlternateContent>
        <mc:AlternateContent xmlns:mc="http://schemas.openxmlformats.org/markup-compatibility/2006">
          <mc:Choice Requires="x14">
            <control shapeId="17547" r:id="rId142" name="Check Box 139">
              <controlPr defaultSize="0" autoFill="0" autoLine="0" autoPict="0">
                <anchor moveWithCells="1">
                  <from>
                    <xdr:col>47</xdr:col>
                    <xdr:colOff>171450</xdr:colOff>
                    <xdr:row>97</xdr:row>
                    <xdr:rowOff>142875</xdr:rowOff>
                  </from>
                  <to>
                    <xdr:col>49</xdr:col>
                    <xdr:colOff>114300</xdr:colOff>
                    <xdr:row>99</xdr:row>
                    <xdr:rowOff>38100</xdr:rowOff>
                  </to>
                </anchor>
              </controlPr>
            </control>
          </mc:Choice>
        </mc:AlternateContent>
        <mc:AlternateContent xmlns:mc="http://schemas.openxmlformats.org/markup-compatibility/2006">
          <mc:Choice Requires="x14">
            <control shapeId="17548" r:id="rId143" name="Check Box 140">
              <controlPr defaultSize="0" autoFill="0" autoLine="0" autoPict="0">
                <anchor moveWithCells="1">
                  <from>
                    <xdr:col>28</xdr:col>
                    <xdr:colOff>171450</xdr:colOff>
                    <xdr:row>98</xdr:row>
                    <xdr:rowOff>142875</xdr:rowOff>
                  </from>
                  <to>
                    <xdr:col>30</xdr:col>
                    <xdr:colOff>114300</xdr:colOff>
                    <xdr:row>100</xdr:row>
                    <xdr:rowOff>38100</xdr:rowOff>
                  </to>
                </anchor>
              </controlPr>
            </control>
          </mc:Choice>
        </mc:AlternateContent>
        <mc:AlternateContent xmlns:mc="http://schemas.openxmlformats.org/markup-compatibility/2006">
          <mc:Choice Requires="x14">
            <control shapeId="17549" r:id="rId144" name="Check Box 141">
              <controlPr defaultSize="0" autoFill="0" autoLine="0" autoPict="0">
                <anchor moveWithCells="1">
                  <from>
                    <xdr:col>39</xdr:col>
                    <xdr:colOff>161925</xdr:colOff>
                    <xdr:row>98</xdr:row>
                    <xdr:rowOff>152400</xdr:rowOff>
                  </from>
                  <to>
                    <xdr:col>41</xdr:col>
                    <xdr:colOff>104775</xdr:colOff>
                    <xdr:row>100</xdr:row>
                    <xdr:rowOff>47625</xdr:rowOff>
                  </to>
                </anchor>
              </controlPr>
            </control>
          </mc:Choice>
        </mc:AlternateContent>
        <mc:AlternateContent xmlns:mc="http://schemas.openxmlformats.org/markup-compatibility/2006">
          <mc:Choice Requires="x14">
            <control shapeId="17550" r:id="rId145" name="Check Box 142">
              <controlPr defaultSize="0" autoFill="0" autoLine="0" autoPict="0">
                <anchor moveWithCells="1">
                  <from>
                    <xdr:col>22</xdr:col>
                    <xdr:colOff>152400</xdr:colOff>
                    <xdr:row>107</xdr:row>
                    <xdr:rowOff>9525</xdr:rowOff>
                  </from>
                  <to>
                    <xdr:col>24</xdr:col>
                    <xdr:colOff>95250</xdr:colOff>
                    <xdr:row>108</xdr:row>
                    <xdr:rowOff>47625</xdr:rowOff>
                  </to>
                </anchor>
              </controlPr>
            </control>
          </mc:Choice>
        </mc:AlternateContent>
        <mc:AlternateContent xmlns:mc="http://schemas.openxmlformats.org/markup-compatibility/2006">
          <mc:Choice Requires="x14">
            <control shapeId="17551" r:id="rId146" name="Check Box 143">
              <controlPr defaultSize="0" autoFill="0" autoLine="0" autoPict="0">
                <anchor moveWithCells="1">
                  <from>
                    <xdr:col>23</xdr:col>
                    <xdr:colOff>161925</xdr:colOff>
                    <xdr:row>108</xdr:row>
                    <xdr:rowOff>142875</xdr:rowOff>
                  </from>
                  <to>
                    <xdr:col>25</xdr:col>
                    <xdr:colOff>104775</xdr:colOff>
                    <xdr:row>110</xdr:row>
                    <xdr:rowOff>38100</xdr:rowOff>
                  </to>
                </anchor>
              </controlPr>
            </control>
          </mc:Choice>
        </mc:AlternateContent>
        <mc:AlternateContent xmlns:mc="http://schemas.openxmlformats.org/markup-compatibility/2006">
          <mc:Choice Requires="x14">
            <control shapeId="17552" r:id="rId147" name="Check Box 144">
              <controlPr defaultSize="0" autoFill="0" autoLine="0" autoPict="0">
                <anchor moveWithCells="1">
                  <from>
                    <xdr:col>40</xdr:col>
                    <xdr:colOff>161925</xdr:colOff>
                    <xdr:row>107</xdr:row>
                    <xdr:rowOff>142875</xdr:rowOff>
                  </from>
                  <to>
                    <xdr:col>42</xdr:col>
                    <xdr:colOff>104775</xdr:colOff>
                    <xdr:row>109</xdr:row>
                    <xdr:rowOff>38100</xdr:rowOff>
                  </to>
                </anchor>
              </controlPr>
            </control>
          </mc:Choice>
        </mc:AlternateContent>
        <mc:AlternateContent xmlns:mc="http://schemas.openxmlformats.org/markup-compatibility/2006">
          <mc:Choice Requires="x14">
            <control shapeId="17553" r:id="rId148" name="Check Box 145">
              <controlPr defaultSize="0" autoFill="0" autoLine="0" autoPict="0">
                <anchor moveWithCells="1">
                  <from>
                    <xdr:col>40</xdr:col>
                    <xdr:colOff>161925</xdr:colOff>
                    <xdr:row>108</xdr:row>
                    <xdr:rowOff>142875</xdr:rowOff>
                  </from>
                  <to>
                    <xdr:col>42</xdr:col>
                    <xdr:colOff>104775</xdr:colOff>
                    <xdr:row>110</xdr:row>
                    <xdr:rowOff>38100</xdr:rowOff>
                  </to>
                </anchor>
              </controlPr>
            </control>
          </mc:Choice>
        </mc:AlternateContent>
        <mc:AlternateContent xmlns:mc="http://schemas.openxmlformats.org/markup-compatibility/2006">
          <mc:Choice Requires="x14">
            <control shapeId="17554" r:id="rId149" name="Check Box 146">
              <controlPr defaultSize="0" autoFill="0" autoLine="0" autoPict="0">
                <anchor moveWithCells="1">
                  <from>
                    <xdr:col>40</xdr:col>
                    <xdr:colOff>161925</xdr:colOff>
                    <xdr:row>109</xdr:row>
                    <xdr:rowOff>142875</xdr:rowOff>
                  </from>
                  <to>
                    <xdr:col>42</xdr:col>
                    <xdr:colOff>104775</xdr:colOff>
                    <xdr:row>111</xdr:row>
                    <xdr:rowOff>38100</xdr:rowOff>
                  </to>
                </anchor>
              </controlPr>
            </control>
          </mc:Choice>
        </mc:AlternateContent>
        <mc:AlternateContent xmlns:mc="http://schemas.openxmlformats.org/markup-compatibility/2006">
          <mc:Choice Requires="x14">
            <control shapeId="17555" r:id="rId150" name="Check Box 147">
              <controlPr defaultSize="0" autoFill="0" autoLine="0" autoPict="0">
                <anchor moveWithCells="1">
                  <from>
                    <xdr:col>22</xdr:col>
                    <xdr:colOff>161925</xdr:colOff>
                    <xdr:row>110</xdr:row>
                    <xdr:rowOff>142875</xdr:rowOff>
                  </from>
                  <to>
                    <xdr:col>24</xdr:col>
                    <xdr:colOff>104775</xdr:colOff>
                    <xdr:row>112</xdr:row>
                    <xdr:rowOff>38100</xdr:rowOff>
                  </to>
                </anchor>
              </controlPr>
            </control>
          </mc:Choice>
        </mc:AlternateContent>
        <mc:AlternateContent xmlns:mc="http://schemas.openxmlformats.org/markup-compatibility/2006">
          <mc:Choice Requires="x14">
            <control shapeId="17556" r:id="rId151" name="Check Box 148">
              <controlPr defaultSize="0" autoFill="0" autoLine="0" autoPict="0">
                <anchor moveWithCells="1">
                  <from>
                    <xdr:col>22</xdr:col>
                    <xdr:colOff>161925</xdr:colOff>
                    <xdr:row>111</xdr:row>
                    <xdr:rowOff>142875</xdr:rowOff>
                  </from>
                  <to>
                    <xdr:col>24</xdr:col>
                    <xdr:colOff>104775</xdr:colOff>
                    <xdr:row>113</xdr:row>
                    <xdr:rowOff>38100</xdr:rowOff>
                  </to>
                </anchor>
              </controlPr>
            </control>
          </mc:Choice>
        </mc:AlternateContent>
        <mc:AlternateContent xmlns:mc="http://schemas.openxmlformats.org/markup-compatibility/2006">
          <mc:Choice Requires="x14">
            <control shapeId="17557" r:id="rId152" name="Check Box 149">
              <controlPr defaultSize="0" autoFill="0" autoLine="0" autoPict="0">
                <anchor moveWithCells="1">
                  <from>
                    <xdr:col>22</xdr:col>
                    <xdr:colOff>161925</xdr:colOff>
                    <xdr:row>114</xdr:row>
                    <xdr:rowOff>142875</xdr:rowOff>
                  </from>
                  <to>
                    <xdr:col>24</xdr:col>
                    <xdr:colOff>104775</xdr:colOff>
                    <xdr:row>116</xdr:row>
                    <xdr:rowOff>38100</xdr:rowOff>
                  </to>
                </anchor>
              </controlPr>
            </control>
          </mc:Choice>
        </mc:AlternateContent>
        <mc:AlternateContent xmlns:mc="http://schemas.openxmlformats.org/markup-compatibility/2006">
          <mc:Choice Requires="x14">
            <control shapeId="17558" r:id="rId153" name="Check Box 150">
              <controlPr defaultSize="0" autoFill="0" autoLine="0" autoPict="0">
                <anchor moveWithCells="1">
                  <from>
                    <xdr:col>22</xdr:col>
                    <xdr:colOff>161925</xdr:colOff>
                    <xdr:row>118</xdr:row>
                    <xdr:rowOff>0</xdr:rowOff>
                  </from>
                  <to>
                    <xdr:col>24</xdr:col>
                    <xdr:colOff>104775</xdr:colOff>
                    <xdr:row>119</xdr:row>
                    <xdr:rowOff>38100</xdr:rowOff>
                  </to>
                </anchor>
              </controlPr>
            </control>
          </mc:Choice>
        </mc:AlternateContent>
        <mc:AlternateContent xmlns:mc="http://schemas.openxmlformats.org/markup-compatibility/2006">
          <mc:Choice Requires="x14">
            <control shapeId="17559" r:id="rId154" name="Check Box 151">
              <controlPr defaultSize="0" autoFill="0" autoLine="0" autoPict="0">
                <anchor moveWithCells="1">
                  <from>
                    <xdr:col>29</xdr:col>
                    <xdr:colOff>161925</xdr:colOff>
                    <xdr:row>118</xdr:row>
                    <xdr:rowOff>142875</xdr:rowOff>
                  </from>
                  <to>
                    <xdr:col>31</xdr:col>
                    <xdr:colOff>104775</xdr:colOff>
                    <xdr:row>120</xdr:row>
                    <xdr:rowOff>38100</xdr:rowOff>
                  </to>
                </anchor>
              </controlPr>
            </control>
          </mc:Choice>
        </mc:AlternateContent>
        <mc:AlternateContent xmlns:mc="http://schemas.openxmlformats.org/markup-compatibility/2006">
          <mc:Choice Requires="x14">
            <control shapeId="17560" r:id="rId155" name="Check Box 152">
              <controlPr defaultSize="0" autoFill="0" autoLine="0" autoPict="0">
                <anchor moveWithCells="1">
                  <from>
                    <xdr:col>36</xdr:col>
                    <xdr:colOff>161925</xdr:colOff>
                    <xdr:row>118</xdr:row>
                    <xdr:rowOff>142875</xdr:rowOff>
                  </from>
                  <to>
                    <xdr:col>38</xdr:col>
                    <xdr:colOff>104775</xdr:colOff>
                    <xdr:row>120</xdr:row>
                    <xdr:rowOff>38100</xdr:rowOff>
                  </to>
                </anchor>
              </controlPr>
            </control>
          </mc:Choice>
        </mc:AlternateContent>
        <mc:AlternateContent xmlns:mc="http://schemas.openxmlformats.org/markup-compatibility/2006">
          <mc:Choice Requires="x14">
            <control shapeId="17561" r:id="rId156" name="Check Box 153">
              <controlPr defaultSize="0" autoFill="0" autoLine="0" autoPict="0">
                <anchor moveWithCells="1">
                  <from>
                    <xdr:col>45</xdr:col>
                    <xdr:colOff>161925</xdr:colOff>
                    <xdr:row>118</xdr:row>
                    <xdr:rowOff>142875</xdr:rowOff>
                  </from>
                  <to>
                    <xdr:col>47</xdr:col>
                    <xdr:colOff>104775</xdr:colOff>
                    <xdr:row>120</xdr:row>
                    <xdr:rowOff>38100</xdr:rowOff>
                  </to>
                </anchor>
              </controlPr>
            </control>
          </mc:Choice>
        </mc:AlternateContent>
        <mc:AlternateContent xmlns:mc="http://schemas.openxmlformats.org/markup-compatibility/2006">
          <mc:Choice Requires="x14">
            <control shapeId="17562" r:id="rId157" name="Check Box 154">
              <controlPr defaultSize="0" autoFill="0" autoLine="0" autoPict="0">
                <anchor moveWithCells="1">
                  <from>
                    <xdr:col>23</xdr:col>
                    <xdr:colOff>152400</xdr:colOff>
                    <xdr:row>118</xdr:row>
                    <xdr:rowOff>161925</xdr:rowOff>
                  </from>
                  <to>
                    <xdr:col>25</xdr:col>
                    <xdr:colOff>114300</xdr:colOff>
                    <xdr:row>120</xdr:row>
                    <xdr:rowOff>28575</xdr:rowOff>
                  </to>
                </anchor>
              </controlPr>
            </control>
          </mc:Choice>
        </mc:AlternateContent>
        <mc:AlternateContent xmlns:mc="http://schemas.openxmlformats.org/markup-compatibility/2006">
          <mc:Choice Requires="x14">
            <control shapeId="17563" r:id="rId158" name="Check Box 155">
              <controlPr defaultSize="0" autoFill="0" autoLine="0" autoPict="0">
                <anchor moveWithCells="1">
                  <from>
                    <xdr:col>22</xdr:col>
                    <xdr:colOff>161925</xdr:colOff>
                    <xdr:row>119</xdr:row>
                    <xdr:rowOff>142875</xdr:rowOff>
                  </from>
                  <to>
                    <xdr:col>24</xdr:col>
                    <xdr:colOff>104775</xdr:colOff>
                    <xdr:row>121</xdr:row>
                    <xdr:rowOff>38100</xdr:rowOff>
                  </to>
                </anchor>
              </controlPr>
            </control>
          </mc:Choice>
        </mc:AlternateContent>
        <mc:AlternateContent xmlns:mc="http://schemas.openxmlformats.org/markup-compatibility/2006">
          <mc:Choice Requires="x14">
            <control shapeId="17564" r:id="rId159" name="Check Box 156">
              <controlPr defaultSize="0" autoFill="0" autoLine="0" autoPict="0">
                <anchor moveWithCells="1">
                  <from>
                    <xdr:col>29</xdr:col>
                    <xdr:colOff>161925</xdr:colOff>
                    <xdr:row>120</xdr:row>
                    <xdr:rowOff>142875</xdr:rowOff>
                  </from>
                  <to>
                    <xdr:col>31</xdr:col>
                    <xdr:colOff>104775</xdr:colOff>
                    <xdr:row>122</xdr:row>
                    <xdr:rowOff>38100</xdr:rowOff>
                  </to>
                </anchor>
              </controlPr>
            </control>
          </mc:Choice>
        </mc:AlternateContent>
        <mc:AlternateContent xmlns:mc="http://schemas.openxmlformats.org/markup-compatibility/2006">
          <mc:Choice Requires="x14">
            <control shapeId="17565" r:id="rId160" name="Check Box 157">
              <controlPr defaultSize="0" autoFill="0" autoLine="0" autoPict="0">
                <anchor moveWithCells="1">
                  <from>
                    <xdr:col>55</xdr:col>
                    <xdr:colOff>161925</xdr:colOff>
                    <xdr:row>120</xdr:row>
                    <xdr:rowOff>142875</xdr:rowOff>
                  </from>
                  <to>
                    <xdr:col>57</xdr:col>
                    <xdr:colOff>104775</xdr:colOff>
                    <xdr:row>122</xdr:row>
                    <xdr:rowOff>38100</xdr:rowOff>
                  </to>
                </anchor>
              </controlPr>
            </control>
          </mc:Choice>
        </mc:AlternateContent>
        <mc:AlternateContent xmlns:mc="http://schemas.openxmlformats.org/markup-compatibility/2006">
          <mc:Choice Requires="x14">
            <control shapeId="17566" r:id="rId161" name="Check Box 158">
              <controlPr defaultSize="0" autoFill="0" autoLine="0" autoPict="0">
                <anchor moveWithCells="1">
                  <from>
                    <xdr:col>23</xdr:col>
                    <xdr:colOff>161925</xdr:colOff>
                    <xdr:row>120</xdr:row>
                    <xdr:rowOff>142875</xdr:rowOff>
                  </from>
                  <to>
                    <xdr:col>25</xdr:col>
                    <xdr:colOff>104775</xdr:colOff>
                    <xdr:row>122</xdr:row>
                    <xdr:rowOff>38100</xdr:rowOff>
                  </to>
                </anchor>
              </controlPr>
            </control>
          </mc:Choice>
        </mc:AlternateContent>
        <mc:AlternateContent xmlns:mc="http://schemas.openxmlformats.org/markup-compatibility/2006">
          <mc:Choice Requires="x14">
            <control shapeId="17567" r:id="rId162" name="Check Box 159">
              <controlPr defaultSize="0" autoFill="0" autoLine="0" autoPict="0">
                <anchor moveWithCells="1">
                  <from>
                    <xdr:col>6</xdr:col>
                    <xdr:colOff>161925</xdr:colOff>
                    <xdr:row>126</xdr:row>
                    <xdr:rowOff>142875</xdr:rowOff>
                  </from>
                  <to>
                    <xdr:col>8</xdr:col>
                    <xdr:colOff>104775</xdr:colOff>
                    <xdr:row>128</xdr:row>
                    <xdr:rowOff>38100</xdr:rowOff>
                  </to>
                </anchor>
              </controlPr>
            </control>
          </mc:Choice>
        </mc:AlternateContent>
        <mc:AlternateContent xmlns:mc="http://schemas.openxmlformats.org/markup-compatibility/2006">
          <mc:Choice Requires="x14">
            <control shapeId="17568" r:id="rId163" name="Check Box 160">
              <controlPr defaultSize="0" autoFill="0" autoLine="0" autoPict="0">
                <anchor moveWithCells="1">
                  <from>
                    <xdr:col>6</xdr:col>
                    <xdr:colOff>161925</xdr:colOff>
                    <xdr:row>121</xdr:row>
                    <xdr:rowOff>142875</xdr:rowOff>
                  </from>
                  <to>
                    <xdr:col>8</xdr:col>
                    <xdr:colOff>104775</xdr:colOff>
                    <xdr:row>123</xdr:row>
                    <xdr:rowOff>38100</xdr:rowOff>
                  </to>
                </anchor>
              </controlPr>
            </control>
          </mc:Choice>
        </mc:AlternateContent>
        <mc:AlternateContent xmlns:mc="http://schemas.openxmlformats.org/markup-compatibility/2006">
          <mc:Choice Requires="x14">
            <control shapeId="17569" r:id="rId164" name="Check Box 161">
              <controlPr defaultSize="0" autoFill="0" autoLine="0" autoPict="0">
                <anchor moveWithCells="1">
                  <from>
                    <xdr:col>6</xdr:col>
                    <xdr:colOff>171450</xdr:colOff>
                    <xdr:row>118</xdr:row>
                    <xdr:rowOff>0</xdr:rowOff>
                  </from>
                  <to>
                    <xdr:col>8</xdr:col>
                    <xdr:colOff>114300</xdr:colOff>
                    <xdr:row>119</xdr:row>
                    <xdr:rowOff>38100</xdr:rowOff>
                  </to>
                </anchor>
              </controlPr>
            </control>
          </mc:Choice>
        </mc:AlternateContent>
        <mc:AlternateContent xmlns:mc="http://schemas.openxmlformats.org/markup-compatibility/2006">
          <mc:Choice Requires="x14">
            <control shapeId="17570" r:id="rId165" name="Check Box 162">
              <controlPr defaultSize="0" autoFill="0" autoLine="0" autoPict="0">
                <anchor moveWithCells="1">
                  <from>
                    <xdr:col>22</xdr:col>
                    <xdr:colOff>161925</xdr:colOff>
                    <xdr:row>121</xdr:row>
                    <xdr:rowOff>142875</xdr:rowOff>
                  </from>
                  <to>
                    <xdr:col>24</xdr:col>
                    <xdr:colOff>104775</xdr:colOff>
                    <xdr:row>123</xdr:row>
                    <xdr:rowOff>38100</xdr:rowOff>
                  </to>
                </anchor>
              </controlPr>
            </control>
          </mc:Choice>
        </mc:AlternateContent>
        <mc:AlternateContent xmlns:mc="http://schemas.openxmlformats.org/markup-compatibility/2006">
          <mc:Choice Requires="x14">
            <control shapeId="17571" r:id="rId166" name="Check Box 163">
              <controlPr defaultSize="0" autoFill="0" autoLine="0" autoPict="0">
                <anchor moveWithCells="1">
                  <from>
                    <xdr:col>22</xdr:col>
                    <xdr:colOff>171450</xdr:colOff>
                    <xdr:row>123</xdr:row>
                    <xdr:rowOff>161925</xdr:rowOff>
                  </from>
                  <to>
                    <xdr:col>24</xdr:col>
                    <xdr:colOff>114300</xdr:colOff>
                    <xdr:row>125</xdr:row>
                    <xdr:rowOff>28575</xdr:rowOff>
                  </to>
                </anchor>
              </controlPr>
            </control>
          </mc:Choice>
        </mc:AlternateContent>
        <mc:AlternateContent xmlns:mc="http://schemas.openxmlformats.org/markup-compatibility/2006">
          <mc:Choice Requires="x14">
            <control shapeId="17572" r:id="rId167" name="Check Box 164">
              <controlPr defaultSize="0" autoFill="0" autoLine="0" autoPict="0">
                <anchor moveWithCells="1">
                  <from>
                    <xdr:col>22</xdr:col>
                    <xdr:colOff>161925</xdr:colOff>
                    <xdr:row>126</xdr:row>
                    <xdr:rowOff>142875</xdr:rowOff>
                  </from>
                  <to>
                    <xdr:col>24</xdr:col>
                    <xdr:colOff>104775</xdr:colOff>
                    <xdr:row>128</xdr:row>
                    <xdr:rowOff>38100</xdr:rowOff>
                  </to>
                </anchor>
              </controlPr>
            </control>
          </mc:Choice>
        </mc:AlternateContent>
        <mc:AlternateContent xmlns:mc="http://schemas.openxmlformats.org/markup-compatibility/2006">
          <mc:Choice Requires="x14">
            <control shapeId="17573" r:id="rId168" name="Check Box 165">
              <controlPr defaultSize="0" autoFill="0" autoLine="0" autoPict="0">
                <anchor moveWithCells="1">
                  <from>
                    <xdr:col>22</xdr:col>
                    <xdr:colOff>161925</xdr:colOff>
                    <xdr:row>129</xdr:row>
                    <xdr:rowOff>142875</xdr:rowOff>
                  </from>
                  <to>
                    <xdr:col>24</xdr:col>
                    <xdr:colOff>104775</xdr:colOff>
                    <xdr:row>131</xdr:row>
                    <xdr:rowOff>38100</xdr:rowOff>
                  </to>
                </anchor>
              </controlPr>
            </control>
          </mc:Choice>
        </mc:AlternateContent>
        <mc:AlternateContent xmlns:mc="http://schemas.openxmlformats.org/markup-compatibility/2006">
          <mc:Choice Requires="x14">
            <control shapeId="17574" r:id="rId169" name="Check Box 166">
              <controlPr defaultSize="0" autoFill="0" autoLine="0" autoPict="0">
                <anchor moveWithCells="1">
                  <from>
                    <xdr:col>6</xdr:col>
                    <xdr:colOff>161925</xdr:colOff>
                    <xdr:row>129</xdr:row>
                    <xdr:rowOff>142875</xdr:rowOff>
                  </from>
                  <to>
                    <xdr:col>8</xdr:col>
                    <xdr:colOff>104775</xdr:colOff>
                    <xdr:row>131</xdr:row>
                    <xdr:rowOff>38100</xdr:rowOff>
                  </to>
                </anchor>
              </controlPr>
            </control>
          </mc:Choice>
        </mc:AlternateContent>
        <mc:AlternateContent xmlns:mc="http://schemas.openxmlformats.org/markup-compatibility/2006">
          <mc:Choice Requires="x14">
            <control shapeId="17575" r:id="rId170" name="Check Box 167">
              <controlPr defaultSize="0" autoFill="0" autoLine="0" autoPict="0">
                <anchor moveWithCells="1">
                  <from>
                    <xdr:col>6</xdr:col>
                    <xdr:colOff>171450</xdr:colOff>
                    <xdr:row>131</xdr:row>
                    <xdr:rowOff>142875</xdr:rowOff>
                  </from>
                  <to>
                    <xdr:col>8</xdr:col>
                    <xdr:colOff>114300</xdr:colOff>
                    <xdr:row>133</xdr:row>
                    <xdr:rowOff>38100</xdr:rowOff>
                  </to>
                </anchor>
              </controlPr>
            </control>
          </mc:Choice>
        </mc:AlternateContent>
        <mc:AlternateContent xmlns:mc="http://schemas.openxmlformats.org/markup-compatibility/2006">
          <mc:Choice Requires="x14">
            <control shapeId="17576" r:id="rId171" name="Check Box 168">
              <controlPr defaultSize="0" autoFill="0" autoLine="0" autoPict="0">
                <anchor moveWithCells="1">
                  <from>
                    <xdr:col>6</xdr:col>
                    <xdr:colOff>161925</xdr:colOff>
                    <xdr:row>134</xdr:row>
                    <xdr:rowOff>142875</xdr:rowOff>
                  </from>
                  <to>
                    <xdr:col>8</xdr:col>
                    <xdr:colOff>104775</xdr:colOff>
                    <xdr:row>136</xdr:row>
                    <xdr:rowOff>38100</xdr:rowOff>
                  </to>
                </anchor>
              </controlPr>
            </control>
          </mc:Choice>
        </mc:AlternateContent>
        <mc:AlternateContent xmlns:mc="http://schemas.openxmlformats.org/markup-compatibility/2006">
          <mc:Choice Requires="x14">
            <control shapeId="17577" r:id="rId172" name="Check Box 169">
              <controlPr defaultSize="0" autoFill="0" autoLine="0" autoPict="0">
                <anchor moveWithCells="1">
                  <from>
                    <xdr:col>6</xdr:col>
                    <xdr:colOff>161925</xdr:colOff>
                    <xdr:row>136</xdr:row>
                    <xdr:rowOff>142875</xdr:rowOff>
                  </from>
                  <to>
                    <xdr:col>8</xdr:col>
                    <xdr:colOff>104775</xdr:colOff>
                    <xdr:row>138</xdr:row>
                    <xdr:rowOff>38100</xdr:rowOff>
                  </to>
                </anchor>
              </controlPr>
            </control>
          </mc:Choice>
        </mc:AlternateContent>
        <mc:AlternateContent xmlns:mc="http://schemas.openxmlformats.org/markup-compatibility/2006">
          <mc:Choice Requires="x14">
            <control shapeId="17578" r:id="rId173" name="Check Box 170">
              <controlPr defaultSize="0" autoFill="0" autoLine="0" autoPict="0">
                <anchor moveWithCells="1">
                  <from>
                    <xdr:col>22</xdr:col>
                    <xdr:colOff>161925</xdr:colOff>
                    <xdr:row>131</xdr:row>
                    <xdr:rowOff>142875</xdr:rowOff>
                  </from>
                  <to>
                    <xdr:col>24</xdr:col>
                    <xdr:colOff>104775</xdr:colOff>
                    <xdr:row>133</xdr:row>
                    <xdr:rowOff>38100</xdr:rowOff>
                  </to>
                </anchor>
              </controlPr>
            </control>
          </mc:Choice>
        </mc:AlternateContent>
        <mc:AlternateContent xmlns:mc="http://schemas.openxmlformats.org/markup-compatibility/2006">
          <mc:Choice Requires="x14">
            <control shapeId="17579" r:id="rId174" name="Check Box 171">
              <controlPr defaultSize="0" autoFill="0" autoLine="0" autoPict="0">
                <anchor moveWithCells="1">
                  <from>
                    <xdr:col>22</xdr:col>
                    <xdr:colOff>161925</xdr:colOff>
                    <xdr:row>134</xdr:row>
                    <xdr:rowOff>142875</xdr:rowOff>
                  </from>
                  <to>
                    <xdr:col>24</xdr:col>
                    <xdr:colOff>104775</xdr:colOff>
                    <xdr:row>136</xdr:row>
                    <xdr:rowOff>38100</xdr:rowOff>
                  </to>
                </anchor>
              </controlPr>
            </control>
          </mc:Choice>
        </mc:AlternateContent>
        <mc:AlternateContent xmlns:mc="http://schemas.openxmlformats.org/markup-compatibility/2006">
          <mc:Choice Requires="x14">
            <control shapeId="17580" r:id="rId175" name="Check Box 172">
              <controlPr defaultSize="0" autoFill="0" autoLine="0" autoPict="0">
                <anchor moveWithCells="1">
                  <from>
                    <xdr:col>22</xdr:col>
                    <xdr:colOff>161925</xdr:colOff>
                    <xdr:row>136</xdr:row>
                    <xdr:rowOff>142875</xdr:rowOff>
                  </from>
                  <to>
                    <xdr:col>24</xdr:col>
                    <xdr:colOff>104775</xdr:colOff>
                    <xdr:row>138</xdr:row>
                    <xdr:rowOff>38100</xdr:rowOff>
                  </to>
                </anchor>
              </controlPr>
            </control>
          </mc:Choice>
        </mc:AlternateContent>
        <mc:AlternateContent xmlns:mc="http://schemas.openxmlformats.org/markup-compatibility/2006">
          <mc:Choice Requires="x14">
            <control shapeId="17581" r:id="rId176" name="Check Box 173">
              <controlPr defaultSize="0" autoFill="0" autoLine="0" autoPict="0">
                <anchor moveWithCells="1">
                  <from>
                    <xdr:col>22</xdr:col>
                    <xdr:colOff>161925</xdr:colOff>
                    <xdr:row>137</xdr:row>
                    <xdr:rowOff>142875</xdr:rowOff>
                  </from>
                  <to>
                    <xdr:col>24</xdr:col>
                    <xdr:colOff>104775</xdr:colOff>
                    <xdr:row>139</xdr:row>
                    <xdr:rowOff>38100</xdr:rowOff>
                  </to>
                </anchor>
              </controlPr>
            </control>
          </mc:Choice>
        </mc:AlternateContent>
        <mc:AlternateContent xmlns:mc="http://schemas.openxmlformats.org/markup-compatibility/2006">
          <mc:Choice Requires="x14">
            <control shapeId="17582" r:id="rId177" name="Check Box 174">
              <controlPr defaultSize="0" autoFill="0" autoLine="0" autoPict="0">
                <anchor moveWithCells="1">
                  <from>
                    <xdr:col>22</xdr:col>
                    <xdr:colOff>161925</xdr:colOff>
                    <xdr:row>138</xdr:row>
                    <xdr:rowOff>142875</xdr:rowOff>
                  </from>
                  <to>
                    <xdr:col>24</xdr:col>
                    <xdr:colOff>104775</xdr:colOff>
                    <xdr:row>140</xdr:row>
                    <xdr:rowOff>38100</xdr:rowOff>
                  </to>
                </anchor>
              </controlPr>
            </control>
          </mc:Choice>
        </mc:AlternateContent>
        <mc:AlternateContent xmlns:mc="http://schemas.openxmlformats.org/markup-compatibility/2006">
          <mc:Choice Requires="x14">
            <control shapeId="17583" r:id="rId178" name="Check Box 175">
              <controlPr defaultSize="0" autoFill="0" autoLine="0" autoPict="0">
                <anchor moveWithCells="1">
                  <from>
                    <xdr:col>22</xdr:col>
                    <xdr:colOff>161925</xdr:colOff>
                    <xdr:row>139</xdr:row>
                    <xdr:rowOff>142875</xdr:rowOff>
                  </from>
                  <to>
                    <xdr:col>24</xdr:col>
                    <xdr:colOff>104775</xdr:colOff>
                    <xdr:row>141</xdr:row>
                    <xdr:rowOff>38100</xdr:rowOff>
                  </to>
                </anchor>
              </controlPr>
            </control>
          </mc:Choice>
        </mc:AlternateContent>
        <mc:AlternateContent xmlns:mc="http://schemas.openxmlformats.org/markup-compatibility/2006">
          <mc:Choice Requires="x14">
            <control shapeId="17584" r:id="rId179" name="Check Box 176">
              <controlPr defaultSize="0" autoFill="0" autoLine="0" autoPict="0">
                <anchor moveWithCells="1">
                  <from>
                    <xdr:col>28</xdr:col>
                    <xdr:colOff>161925</xdr:colOff>
                    <xdr:row>136</xdr:row>
                    <xdr:rowOff>142875</xdr:rowOff>
                  </from>
                  <to>
                    <xdr:col>30</xdr:col>
                    <xdr:colOff>104775</xdr:colOff>
                    <xdr:row>138</xdr:row>
                    <xdr:rowOff>38100</xdr:rowOff>
                  </to>
                </anchor>
              </controlPr>
            </control>
          </mc:Choice>
        </mc:AlternateContent>
        <mc:AlternateContent xmlns:mc="http://schemas.openxmlformats.org/markup-compatibility/2006">
          <mc:Choice Requires="x14">
            <control shapeId="17585" r:id="rId180" name="Check Box 177">
              <controlPr defaultSize="0" autoFill="0" autoLine="0" autoPict="0">
                <anchor moveWithCells="1">
                  <from>
                    <xdr:col>28</xdr:col>
                    <xdr:colOff>161925</xdr:colOff>
                    <xdr:row>137</xdr:row>
                    <xdr:rowOff>142875</xdr:rowOff>
                  </from>
                  <to>
                    <xdr:col>30</xdr:col>
                    <xdr:colOff>104775</xdr:colOff>
                    <xdr:row>139</xdr:row>
                    <xdr:rowOff>38100</xdr:rowOff>
                  </to>
                </anchor>
              </controlPr>
            </control>
          </mc:Choice>
        </mc:AlternateContent>
        <mc:AlternateContent xmlns:mc="http://schemas.openxmlformats.org/markup-compatibility/2006">
          <mc:Choice Requires="x14">
            <control shapeId="17586" r:id="rId181" name="Check Box 178">
              <controlPr defaultSize="0" autoFill="0" autoLine="0" autoPict="0">
                <anchor moveWithCells="1">
                  <from>
                    <xdr:col>35</xdr:col>
                    <xdr:colOff>171450</xdr:colOff>
                    <xdr:row>136</xdr:row>
                    <xdr:rowOff>161925</xdr:rowOff>
                  </from>
                  <to>
                    <xdr:col>38</xdr:col>
                    <xdr:colOff>85725</xdr:colOff>
                    <xdr:row>138</xdr:row>
                    <xdr:rowOff>28575</xdr:rowOff>
                  </to>
                </anchor>
              </controlPr>
            </control>
          </mc:Choice>
        </mc:AlternateContent>
        <mc:AlternateContent xmlns:mc="http://schemas.openxmlformats.org/markup-compatibility/2006">
          <mc:Choice Requires="x14">
            <control shapeId="17587" r:id="rId182" name="Check Box 179">
              <controlPr defaultSize="0" autoFill="0" autoLine="0" autoPict="0">
                <anchor moveWithCells="1">
                  <from>
                    <xdr:col>35</xdr:col>
                    <xdr:colOff>171450</xdr:colOff>
                    <xdr:row>137</xdr:row>
                    <xdr:rowOff>152400</xdr:rowOff>
                  </from>
                  <to>
                    <xdr:col>37</xdr:col>
                    <xdr:colOff>114300</xdr:colOff>
                    <xdr:row>139</xdr:row>
                    <xdr:rowOff>19050</xdr:rowOff>
                  </to>
                </anchor>
              </controlPr>
            </control>
          </mc:Choice>
        </mc:AlternateContent>
        <mc:AlternateContent xmlns:mc="http://schemas.openxmlformats.org/markup-compatibility/2006">
          <mc:Choice Requires="x14">
            <control shapeId="17588" r:id="rId183" name="Check Box 180">
              <controlPr defaultSize="0" autoFill="0" autoLine="0" autoPict="0">
                <anchor moveWithCells="1">
                  <from>
                    <xdr:col>43</xdr:col>
                    <xdr:colOff>152400</xdr:colOff>
                    <xdr:row>136</xdr:row>
                    <xdr:rowOff>161925</xdr:rowOff>
                  </from>
                  <to>
                    <xdr:col>45</xdr:col>
                    <xdr:colOff>95250</xdr:colOff>
                    <xdr:row>138</xdr:row>
                    <xdr:rowOff>28575</xdr:rowOff>
                  </to>
                </anchor>
              </controlPr>
            </control>
          </mc:Choice>
        </mc:AlternateContent>
        <mc:AlternateContent xmlns:mc="http://schemas.openxmlformats.org/markup-compatibility/2006">
          <mc:Choice Requires="x14">
            <control shapeId="17589" r:id="rId184" name="Check Box 181">
              <controlPr defaultSize="0" autoFill="0" autoLine="0" autoPict="0">
                <anchor moveWithCells="1">
                  <from>
                    <xdr:col>41</xdr:col>
                    <xdr:colOff>161925</xdr:colOff>
                    <xdr:row>137</xdr:row>
                    <xdr:rowOff>152400</xdr:rowOff>
                  </from>
                  <to>
                    <xdr:col>43</xdr:col>
                    <xdr:colOff>104775</xdr:colOff>
                    <xdr:row>139</xdr:row>
                    <xdr:rowOff>19050</xdr:rowOff>
                  </to>
                </anchor>
              </controlPr>
            </control>
          </mc:Choice>
        </mc:AlternateContent>
        <mc:AlternateContent xmlns:mc="http://schemas.openxmlformats.org/markup-compatibility/2006">
          <mc:Choice Requires="x14">
            <control shapeId="17590" r:id="rId185" name="Check Box 182">
              <controlPr defaultSize="0" autoFill="0" autoLine="0" autoPict="0">
                <anchor moveWithCells="1">
                  <from>
                    <xdr:col>48</xdr:col>
                    <xdr:colOff>152400</xdr:colOff>
                    <xdr:row>136</xdr:row>
                    <xdr:rowOff>152400</xdr:rowOff>
                  </from>
                  <to>
                    <xdr:col>50</xdr:col>
                    <xdr:colOff>95250</xdr:colOff>
                    <xdr:row>138</xdr:row>
                    <xdr:rowOff>19050</xdr:rowOff>
                  </to>
                </anchor>
              </controlPr>
            </control>
          </mc:Choice>
        </mc:AlternateContent>
        <mc:AlternateContent xmlns:mc="http://schemas.openxmlformats.org/markup-compatibility/2006">
          <mc:Choice Requires="x14">
            <control shapeId="17591" r:id="rId186" name="Check Box 183">
              <controlPr defaultSize="0" autoFill="0" autoLine="0" autoPict="0">
                <anchor moveWithCells="1">
                  <from>
                    <xdr:col>6</xdr:col>
                    <xdr:colOff>161925</xdr:colOff>
                    <xdr:row>139</xdr:row>
                    <xdr:rowOff>142875</xdr:rowOff>
                  </from>
                  <to>
                    <xdr:col>8</xdr:col>
                    <xdr:colOff>104775</xdr:colOff>
                    <xdr:row>141</xdr:row>
                    <xdr:rowOff>38100</xdr:rowOff>
                  </to>
                </anchor>
              </controlPr>
            </control>
          </mc:Choice>
        </mc:AlternateContent>
        <mc:AlternateContent xmlns:mc="http://schemas.openxmlformats.org/markup-compatibility/2006">
          <mc:Choice Requires="x14">
            <control shapeId="17592" r:id="rId187" name="Check Box 184">
              <controlPr defaultSize="0" autoFill="0" autoLine="0" autoPict="0">
                <anchor moveWithCells="1">
                  <from>
                    <xdr:col>22</xdr:col>
                    <xdr:colOff>161925</xdr:colOff>
                    <xdr:row>143</xdr:row>
                    <xdr:rowOff>142875</xdr:rowOff>
                  </from>
                  <to>
                    <xdr:col>24</xdr:col>
                    <xdr:colOff>104775</xdr:colOff>
                    <xdr:row>145</xdr:row>
                    <xdr:rowOff>38100</xdr:rowOff>
                  </to>
                </anchor>
              </controlPr>
            </control>
          </mc:Choice>
        </mc:AlternateContent>
        <mc:AlternateContent xmlns:mc="http://schemas.openxmlformats.org/markup-compatibility/2006">
          <mc:Choice Requires="x14">
            <control shapeId="17593" r:id="rId188" name="Check Box 185">
              <controlPr defaultSize="0" autoFill="0" autoLine="0" autoPict="0">
                <anchor moveWithCells="1">
                  <from>
                    <xdr:col>22</xdr:col>
                    <xdr:colOff>161925</xdr:colOff>
                    <xdr:row>145</xdr:row>
                    <xdr:rowOff>142875</xdr:rowOff>
                  </from>
                  <to>
                    <xdr:col>24</xdr:col>
                    <xdr:colOff>104775</xdr:colOff>
                    <xdr:row>147</xdr:row>
                    <xdr:rowOff>38100</xdr:rowOff>
                  </to>
                </anchor>
              </controlPr>
            </control>
          </mc:Choice>
        </mc:AlternateContent>
        <mc:AlternateContent xmlns:mc="http://schemas.openxmlformats.org/markup-compatibility/2006">
          <mc:Choice Requires="x14">
            <control shapeId="17594" r:id="rId189" name="Check Box 186">
              <controlPr defaultSize="0" autoFill="0" autoLine="0" autoPict="0">
                <anchor moveWithCells="1">
                  <from>
                    <xdr:col>22</xdr:col>
                    <xdr:colOff>161925</xdr:colOff>
                    <xdr:row>146</xdr:row>
                    <xdr:rowOff>142875</xdr:rowOff>
                  </from>
                  <to>
                    <xdr:col>24</xdr:col>
                    <xdr:colOff>104775</xdr:colOff>
                    <xdr:row>148</xdr:row>
                    <xdr:rowOff>38100</xdr:rowOff>
                  </to>
                </anchor>
              </controlPr>
            </control>
          </mc:Choice>
        </mc:AlternateContent>
        <mc:AlternateContent xmlns:mc="http://schemas.openxmlformats.org/markup-compatibility/2006">
          <mc:Choice Requires="x14">
            <control shapeId="17595" r:id="rId190" name="Check Box 187">
              <controlPr defaultSize="0" autoFill="0" autoLine="0" autoPict="0">
                <anchor moveWithCells="1">
                  <from>
                    <xdr:col>22</xdr:col>
                    <xdr:colOff>171450</xdr:colOff>
                    <xdr:row>99</xdr:row>
                    <xdr:rowOff>142875</xdr:rowOff>
                  </from>
                  <to>
                    <xdr:col>24</xdr:col>
                    <xdr:colOff>114300</xdr:colOff>
                    <xdr:row>101</xdr:row>
                    <xdr:rowOff>38100</xdr:rowOff>
                  </to>
                </anchor>
              </controlPr>
            </control>
          </mc:Choice>
        </mc:AlternateContent>
        <mc:AlternateContent xmlns:mc="http://schemas.openxmlformats.org/markup-compatibility/2006">
          <mc:Choice Requires="x14">
            <control shapeId="17596" r:id="rId191" name="Check Box 188">
              <controlPr defaultSize="0" autoFill="0" autoLine="0" autoPict="0">
                <anchor moveWithCells="1">
                  <from>
                    <xdr:col>22</xdr:col>
                    <xdr:colOff>171450</xdr:colOff>
                    <xdr:row>100</xdr:row>
                    <xdr:rowOff>142875</xdr:rowOff>
                  </from>
                  <to>
                    <xdr:col>24</xdr:col>
                    <xdr:colOff>114300</xdr:colOff>
                    <xdr:row>102</xdr:row>
                    <xdr:rowOff>38100</xdr:rowOff>
                  </to>
                </anchor>
              </controlPr>
            </control>
          </mc:Choice>
        </mc:AlternateContent>
        <mc:AlternateContent xmlns:mc="http://schemas.openxmlformats.org/markup-compatibility/2006">
          <mc:Choice Requires="x14">
            <control shapeId="17597" r:id="rId192" name="Check Box 189">
              <controlPr defaultSize="0" autoFill="0" autoLine="0" autoPict="0">
                <anchor moveWithCells="1">
                  <from>
                    <xdr:col>22</xdr:col>
                    <xdr:colOff>171450</xdr:colOff>
                    <xdr:row>102</xdr:row>
                    <xdr:rowOff>142875</xdr:rowOff>
                  </from>
                  <to>
                    <xdr:col>24</xdr:col>
                    <xdr:colOff>114300</xdr:colOff>
                    <xdr:row>104</xdr:row>
                    <xdr:rowOff>38100</xdr:rowOff>
                  </to>
                </anchor>
              </controlPr>
            </control>
          </mc:Choice>
        </mc:AlternateContent>
        <mc:AlternateContent xmlns:mc="http://schemas.openxmlformats.org/markup-compatibility/2006">
          <mc:Choice Requires="x14">
            <control shapeId="17598" r:id="rId193" name="Check Box 190">
              <controlPr defaultSize="0" autoFill="0" autoLine="0" autoPict="0">
                <anchor moveWithCells="1">
                  <from>
                    <xdr:col>22</xdr:col>
                    <xdr:colOff>171450</xdr:colOff>
                    <xdr:row>103</xdr:row>
                    <xdr:rowOff>142875</xdr:rowOff>
                  </from>
                  <to>
                    <xdr:col>24</xdr:col>
                    <xdr:colOff>114300</xdr:colOff>
                    <xdr:row>105</xdr:row>
                    <xdr:rowOff>38100</xdr:rowOff>
                  </to>
                </anchor>
              </controlPr>
            </control>
          </mc:Choice>
        </mc:AlternateContent>
        <mc:AlternateContent xmlns:mc="http://schemas.openxmlformats.org/markup-compatibility/2006">
          <mc:Choice Requires="x14">
            <control shapeId="17599" r:id="rId194" name="Check Box 191">
              <controlPr defaultSize="0" autoFill="0" autoLine="0" autoPict="0">
                <anchor moveWithCells="1">
                  <from>
                    <xdr:col>22</xdr:col>
                    <xdr:colOff>171450</xdr:colOff>
                    <xdr:row>104</xdr:row>
                    <xdr:rowOff>142875</xdr:rowOff>
                  </from>
                  <to>
                    <xdr:col>24</xdr:col>
                    <xdr:colOff>114300</xdr:colOff>
                    <xdr:row>106</xdr:row>
                    <xdr:rowOff>38100</xdr:rowOff>
                  </to>
                </anchor>
              </controlPr>
            </control>
          </mc:Choice>
        </mc:AlternateContent>
        <mc:AlternateContent xmlns:mc="http://schemas.openxmlformats.org/markup-compatibility/2006">
          <mc:Choice Requires="x14">
            <control shapeId="17600" r:id="rId195" name="Check Box 192">
              <controlPr defaultSize="0" autoFill="0" autoLine="0" autoPict="0">
                <anchor moveWithCells="1">
                  <from>
                    <xdr:col>22</xdr:col>
                    <xdr:colOff>171450</xdr:colOff>
                    <xdr:row>23</xdr:row>
                    <xdr:rowOff>152400</xdr:rowOff>
                  </from>
                  <to>
                    <xdr:col>24</xdr:col>
                    <xdr:colOff>114300</xdr:colOff>
                    <xdr:row>25</xdr:row>
                    <xdr:rowOff>19050</xdr:rowOff>
                  </to>
                </anchor>
              </controlPr>
            </control>
          </mc:Choice>
        </mc:AlternateContent>
        <mc:AlternateContent xmlns:mc="http://schemas.openxmlformats.org/markup-compatibility/2006">
          <mc:Choice Requires="x14">
            <control shapeId="17601" r:id="rId196" name="Check Box 193">
              <controlPr defaultSize="0" autoFill="0" autoLine="0" autoPict="0">
                <anchor moveWithCells="1">
                  <from>
                    <xdr:col>23</xdr:col>
                    <xdr:colOff>161925</xdr:colOff>
                    <xdr:row>107</xdr:row>
                    <xdr:rowOff>152400</xdr:rowOff>
                  </from>
                  <to>
                    <xdr:col>25</xdr:col>
                    <xdr:colOff>104775</xdr:colOff>
                    <xdr:row>109</xdr:row>
                    <xdr:rowOff>19050</xdr:rowOff>
                  </to>
                </anchor>
              </controlPr>
            </control>
          </mc:Choice>
        </mc:AlternateContent>
        <mc:AlternateContent xmlns:mc="http://schemas.openxmlformats.org/markup-compatibility/2006">
          <mc:Choice Requires="x14">
            <control shapeId="17602" r:id="rId197" name="Check Box 194">
              <controlPr defaultSize="0" autoFill="0" autoLine="0" autoPict="0">
                <anchor moveWithCells="1">
                  <from>
                    <xdr:col>36</xdr:col>
                    <xdr:colOff>152400</xdr:colOff>
                    <xdr:row>3</xdr:row>
                    <xdr:rowOff>152400</xdr:rowOff>
                  </from>
                  <to>
                    <xdr:col>38</xdr:col>
                    <xdr:colOff>95250</xdr:colOff>
                    <xdr:row>5</xdr:row>
                    <xdr:rowOff>38100</xdr:rowOff>
                  </to>
                </anchor>
              </controlPr>
            </control>
          </mc:Choice>
        </mc:AlternateContent>
        <mc:AlternateContent xmlns:mc="http://schemas.openxmlformats.org/markup-compatibility/2006">
          <mc:Choice Requires="x14">
            <control shapeId="17603" r:id="rId198" name="Check Box 195">
              <controlPr defaultSize="0" autoFill="0" autoLine="0" autoPict="0">
                <anchor moveWithCells="1">
                  <from>
                    <xdr:col>22</xdr:col>
                    <xdr:colOff>171450</xdr:colOff>
                    <xdr:row>20</xdr:row>
                    <xdr:rowOff>152400</xdr:rowOff>
                  </from>
                  <to>
                    <xdr:col>24</xdr:col>
                    <xdr:colOff>114300</xdr:colOff>
                    <xdr:row>22</xdr:row>
                    <xdr:rowOff>38100</xdr:rowOff>
                  </to>
                </anchor>
              </controlPr>
            </control>
          </mc:Choice>
        </mc:AlternateContent>
        <mc:AlternateContent xmlns:mc="http://schemas.openxmlformats.org/markup-compatibility/2006">
          <mc:Choice Requires="x14">
            <control shapeId="17604" r:id="rId199" name="Check Box 196">
              <controlPr defaultSize="0" autoFill="0" autoLine="0" autoPict="0">
                <anchor moveWithCells="1">
                  <from>
                    <xdr:col>22</xdr:col>
                    <xdr:colOff>171450</xdr:colOff>
                    <xdr:row>24</xdr:row>
                    <xdr:rowOff>152400</xdr:rowOff>
                  </from>
                  <to>
                    <xdr:col>24</xdr:col>
                    <xdr:colOff>114300</xdr:colOff>
                    <xdr:row>26</xdr:row>
                    <xdr:rowOff>19050</xdr:rowOff>
                  </to>
                </anchor>
              </controlPr>
            </control>
          </mc:Choice>
        </mc:AlternateContent>
        <mc:AlternateContent xmlns:mc="http://schemas.openxmlformats.org/markup-compatibility/2006">
          <mc:Choice Requires="x14">
            <control shapeId="17605" r:id="rId200" name="Check Box 197">
              <controlPr defaultSize="0" autoFill="0" autoLine="0" autoPict="0">
                <anchor moveWithCells="1">
                  <from>
                    <xdr:col>22</xdr:col>
                    <xdr:colOff>171450</xdr:colOff>
                    <xdr:row>25</xdr:row>
                    <xdr:rowOff>152400</xdr:rowOff>
                  </from>
                  <to>
                    <xdr:col>24</xdr:col>
                    <xdr:colOff>114300</xdr:colOff>
                    <xdr:row>27</xdr:row>
                    <xdr:rowOff>19050</xdr:rowOff>
                  </to>
                </anchor>
              </controlPr>
            </control>
          </mc:Choice>
        </mc:AlternateContent>
        <mc:AlternateContent xmlns:mc="http://schemas.openxmlformats.org/markup-compatibility/2006">
          <mc:Choice Requires="x14">
            <control shapeId="17606" r:id="rId201" name="Check Box 198">
              <controlPr defaultSize="0" autoFill="0" autoLine="0" autoPict="0">
                <anchor moveWithCells="1">
                  <from>
                    <xdr:col>22</xdr:col>
                    <xdr:colOff>171450</xdr:colOff>
                    <xdr:row>26</xdr:row>
                    <xdr:rowOff>152400</xdr:rowOff>
                  </from>
                  <to>
                    <xdr:col>24</xdr:col>
                    <xdr:colOff>114300</xdr:colOff>
                    <xdr:row>28</xdr:row>
                    <xdr:rowOff>19050</xdr:rowOff>
                  </to>
                </anchor>
              </controlPr>
            </control>
          </mc:Choice>
        </mc:AlternateContent>
        <mc:AlternateContent xmlns:mc="http://schemas.openxmlformats.org/markup-compatibility/2006">
          <mc:Choice Requires="x14">
            <control shapeId="17607" r:id="rId202" name="Check Box 199">
              <controlPr defaultSize="0" autoFill="0" autoLine="0" autoPict="0">
                <anchor moveWithCells="1">
                  <from>
                    <xdr:col>22</xdr:col>
                    <xdr:colOff>171450</xdr:colOff>
                    <xdr:row>27</xdr:row>
                    <xdr:rowOff>152400</xdr:rowOff>
                  </from>
                  <to>
                    <xdr:col>24</xdr:col>
                    <xdr:colOff>114300</xdr:colOff>
                    <xdr:row>29</xdr:row>
                    <xdr:rowOff>19050</xdr:rowOff>
                  </to>
                </anchor>
              </controlPr>
            </control>
          </mc:Choice>
        </mc:AlternateContent>
        <mc:AlternateContent xmlns:mc="http://schemas.openxmlformats.org/markup-compatibility/2006">
          <mc:Choice Requires="x14">
            <control shapeId="17608" r:id="rId203" name="Check Box 200">
              <controlPr defaultSize="0" autoFill="0" autoLine="0" autoPict="0">
                <anchor moveWithCells="1">
                  <from>
                    <xdr:col>22</xdr:col>
                    <xdr:colOff>171450</xdr:colOff>
                    <xdr:row>28</xdr:row>
                    <xdr:rowOff>152400</xdr:rowOff>
                  </from>
                  <to>
                    <xdr:col>24</xdr:col>
                    <xdr:colOff>114300</xdr:colOff>
                    <xdr:row>30</xdr:row>
                    <xdr:rowOff>19050</xdr:rowOff>
                  </to>
                </anchor>
              </controlPr>
            </control>
          </mc:Choice>
        </mc:AlternateContent>
        <mc:AlternateContent xmlns:mc="http://schemas.openxmlformats.org/markup-compatibility/2006">
          <mc:Choice Requires="x14">
            <control shapeId="17609" r:id="rId204" name="Check Box 201">
              <controlPr defaultSize="0" autoFill="0" autoLine="0" autoPict="0">
                <anchor moveWithCells="1">
                  <from>
                    <xdr:col>22</xdr:col>
                    <xdr:colOff>171450</xdr:colOff>
                    <xdr:row>29</xdr:row>
                    <xdr:rowOff>152400</xdr:rowOff>
                  </from>
                  <to>
                    <xdr:col>24</xdr:col>
                    <xdr:colOff>114300</xdr:colOff>
                    <xdr:row>31</xdr:row>
                    <xdr:rowOff>19050</xdr:rowOff>
                  </to>
                </anchor>
              </controlPr>
            </control>
          </mc:Choice>
        </mc:AlternateContent>
        <mc:AlternateContent xmlns:mc="http://schemas.openxmlformats.org/markup-compatibility/2006">
          <mc:Choice Requires="x14">
            <control shapeId="17610" r:id="rId205" name="Check Box 202">
              <controlPr defaultSize="0" autoFill="0" autoLine="0" autoPict="0">
                <anchor moveWithCells="1">
                  <from>
                    <xdr:col>6</xdr:col>
                    <xdr:colOff>171450</xdr:colOff>
                    <xdr:row>15</xdr:row>
                    <xdr:rowOff>152400</xdr:rowOff>
                  </from>
                  <to>
                    <xdr:col>8</xdr:col>
                    <xdr:colOff>114300</xdr:colOff>
                    <xdr:row>17</xdr:row>
                    <xdr:rowOff>19050</xdr:rowOff>
                  </to>
                </anchor>
              </controlPr>
            </control>
          </mc:Choice>
        </mc:AlternateContent>
        <mc:AlternateContent xmlns:mc="http://schemas.openxmlformats.org/markup-compatibility/2006">
          <mc:Choice Requires="x14">
            <control shapeId="17611" r:id="rId206" name="Check Box 203">
              <controlPr defaultSize="0" autoFill="0" autoLine="0" autoPict="0">
                <anchor moveWithCells="1">
                  <from>
                    <xdr:col>6</xdr:col>
                    <xdr:colOff>171450</xdr:colOff>
                    <xdr:row>18</xdr:row>
                    <xdr:rowOff>152400</xdr:rowOff>
                  </from>
                  <to>
                    <xdr:col>8</xdr:col>
                    <xdr:colOff>114300</xdr:colOff>
                    <xdr:row>20</xdr:row>
                    <xdr:rowOff>19050</xdr:rowOff>
                  </to>
                </anchor>
              </controlPr>
            </control>
          </mc:Choice>
        </mc:AlternateContent>
        <mc:AlternateContent xmlns:mc="http://schemas.openxmlformats.org/markup-compatibility/2006">
          <mc:Choice Requires="x14">
            <control shapeId="17612" r:id="rId207" name="Check Box 204">
              <controlPr defaultSize="0" autoFill="0" autoLine="0" autoPict="0">
                <anchor moveWithCells="1">
                  <from>
                    <xdr:col>6</xdr:col>
                    <xdr:colOff>171450</xdr:colOff>
                    <xdr:row>20</xdr:row>
                    <xdr:rowOff>152400</xdr:rowOff>
                  </from>
                  <to>
                    <xdr:col>8</xdr:col>
                    <xdr:colOff>114300</xdr:colOff>
                    <xdr:row>22</xdr:row>
                    <xdr:rowOff>19050</xdr:rowOff>
                  </to>
                </anchor>
              </controlPr>
            </control>
          </mc:Choice>
        </mc:AlternateContent>
        <mc:AlternateContent xmlns:mc="http://schemas.openxmlformats.org/markup-compatibility/2006">
          <mc:Choice Requires="x14">
            <control shapeId="17613" r:id="rId208" name="Check Box 205">
              <controlPr defaultSize="0" autoFill="0" autoLine="0" autoPict="0">
                <anchor moveWithCells="1">
                  <from>
                    <xdr:col>6</xdr:col>
                    <xdr:colOff>171450</xdr:colOff>
                    <xdr:row>21</xdr:row>
                    <xdr:rowOff>152400</xdr:rowOff>
                  </from>
                  <to>
                    <xdr:col>8</xdr:col>
                    <xdr:colOff>114300</xdr:colOff>
                    <xdr:row>23</xdr:row>
                    <xdr:rowOff>19050</xdr:rowOff>
                  </to>
                </anchor>
              </controlPr>
            </control>
          </mc:Choice>
        </mc:AlternateContent>
        <mc:AlternateContent xmlns:mc="http://schemas.openxmlformats.org/markup-compatibility/2006">
          <mc:Choice Requires="x14">
            <control shapeId="17614" r:id="rId209" name="Check Box 206">
              <controlPr defaultSize="0" autoFill="0" autoLine="0" autoPict="0">
                <anchor moveWithCells="1">
                  <from>
                    <xdr:col>6</xdr:col>
                    <xdr:colOff>171450</xdr:colOff>
                    <xdr:row>23</xdr:row>
                    <xdr:rowOff>152400</xdr:rowOff>
                  </from>
                  <to>
                    <xdr:col>8</xdr:col>
                    <xdr:colOff>114300</xdr:colOff>
                    <xdr:row>25</xdr:row>
                    <xdr:rowOff>19050</xdr:rowOff>
                  </to>
                </anchor>
              </controlPr>
            </control>
          </mc:Choice>
        </mc:AlternateContent>
        <mc:AlternateContent xmlns:mc="http://schemas.openxmlformats.org/markup-compatibility/2006">
          <mc:Choice Requires="x14">
            <control shapeId="17615" r:id="rId210" name="Check Box 207">
              <controlPr defaultSize="0" autoFill="0" autoLine="0" autoPict="0">
                <anchor moveWithCells="1">
                  <from>
                    <xdr:col>6</xdr:col>
                    <xdr:colOff>171450</xdr:colOff>
                    <xdr:row>25</xdr:row>
                    <xdr:rowOff>152400</xdr:rowOff>
                  </from>
                  <to>
                    <xdr:col>8</xdr:col>
                    <xdr:colOff>114300</xdr:colOff>
                    <xdr:row>27</xdr:row>
                    <xdr:rowOff>19050</xdr:rowOff>
                  </to>
                </anchor>
              </controlPr>
            </control>
          </mc:Choice>
        </mc:AlternateContent>
        <mc:AlternateContent xmlns:mc="http://schemas.openxmlformats.org/markup-compatibility/2006">
          <mc:Choice Requires="x14">
            <control shapeId="17616" r:id="rId211" name="Check Box 208">
              <controlPr defaultSize="0" autoFill="0" autoLine="0" autoPict="0">
                <anchor moveWithCells="1">
                  <from>
                    <xdr:col>6</xdr:col>
                    <xdr:colOff>171450</xdr:colOff>
                    <xdr:row>29</xdr:row>
                    <xdr:rowOff>152400</xdr:rowOff>
                  </from>
                  <to>
                    <xdr:col>8</xdr:col>
                    <xdr:colOff>114300</xdr:colOff>
                    <xdr:row>31</xdr:row>
                    <xdr:rowOff>19050</xdr:rowOff>
                  </to>
                </anchor>
              </controlPr>
            </control>
          </mc:Choice>
        </mc:AlternateContent>
        <mc:AlternateContent xmlns:mc="http://schemas.openxmlformats.org/markup-compatibility/2006">
          <mc:Choice Requires="x14">
            <control shapeId="17617" r:id="rId212" name="Check Box 209">
              <controlPr defaultSize="0" autoFill="0" autoLine="0" autoPict="0">
                <anchor moveWithCells="1">
                  <from>
                    <xdr:col>6</xdr:col>
                    <xdr:colOff>171450</xdr:colOff>
                    <xdr:row>8</xdr:row>
                    <xdr:rowOff>152400</xdr:rowOff>
                  </from>
                  <to>
                    <xdr:col>8</xdr:col>
                    <xdr:colOff>114300</xdr:colOff>
                    <xdr:row>10</xdr:row>
                    <xdr:rowOff>19050</xdr:rowOff>
                  </to>
                </anchor>
              </controlPr>
            </control>
          </mc:Choice>
        </mc:AlternateContent>
        <mc:AlternateContent xmlns:mc="http://schemas.openxmlformats.org/markup-compatibility/2006">
          <mc:Choice Requires="x14">
            <control shapeId="17618" r:id="rId213" name="Check Box 210">
              <controlPr defaultSize="0" autoFill="0" autoLine="0" autoPict="0">
                <anchor moveWithCells="1">
                  <from>
                    <xdr:col>22</xdr:col>
                    <xdr:colOff>171450</xdr:colOff>
                    <xdr:row>6</xdr:row>
                    <xdr:rowOff>152400</xdr:rowOff>
                  </from>
                  <to>
                    <xdr:col>24</xdr:col>
                    <xdr:colOff>114300</xdr:colOff>
                    <xdr:row>8</xdr:row>
                    <xdr:rowOff>19050</xdr:rowOff>
                  </to>
                </anchor>
              </controlPr>
            </control>
          </mc:Choice>
        </mc:AlternateContent>
        <mc:AlternateContent xmlns:mc="http://schemas.openxmlformats.org/markup-compatibility/2006">
          <mc:Choice Requires="x14">
            <control shapeId="17619" r:id="rId214" name="Check Box 211">
              <controlPr defaultSize="0" autoFill="0" autoLine="0" autoPict="0">
                <anchor moveWithCells="1">
                  <from>
                    <xdr:col>22</xdr:col>
                    <xdr:colOff>161925</xdr:colOff>
                    <xdr:row>51</xdr:row>
                    <xdr:rowOff>152400</xdr:rowOff>
                  </from>
                  <to>
                    <xdr:col>24</xdr:col>
                    <xdr:colOff>104775</xdr:colOff>
                    <xdr:row>53</xdr:row>
                    <xdr:rowOff>38100</xdr:rowOff>
                  </to>
                </anchor>
              </controlPr>
            </control>
          </mc:Choice>
        </mc:AlternateContent>
        <mc:AlternateContent xmlns:mc="http://schemas.openxmlformats.org/markup-compatibility/2006">
          <mc:Choice Requires="x14">
            <control shapeId="17620" r:id="rId215" name="Check Box 212">
              <controlPr defaultSize="0" autoFill="0" autoLine="0" autoPict="0">
                <anchor moveWithCells="1">
                  <from>
                    <xdr:col>22</xdr:col>
                    <xdr:colOff>161925</xdr:colOff>
                    <xdr:row>52</xdr:row>
                    <xdr:rowOff>152400</xdr:rowOff>
                  </from>
                  <to>
                    <xdr:col>24</xdr:col>
                    <xdr:colOff>104775</xdr:colOff>
                    <xdr:row>54</xdr:row>
                    <xdr:rowOff>38100</xdr:rowOff>
                  </to>
                </anchor>
              </controlPr>
            </control>
          </mc:Choice>
        </mc:AlternateContent>
        <mc:AlternateContent xmlns:mc="http://schemas.openxmlformats.org/markup-compatibility/2006">
          <mc:Choice Requires="x14">
            <control shapeId="17621" r:id="rId216" name="Check Box 213">
              <controlPr defaultSize="0" autoFill="0" autoLine="0" autoPict="0">
                <anchor moveWithCells="1">
                  <from>
                    <xdr:col>22</xdr:col>
                    <xdr:colOff>161925</xdr:colOff>
                    <xdr:row>60</xdr:row>
                    <xdr:rowOff>152400</xdr:rowOff>
                  </from>
                  <to>
                    <xdr:col>24</xdr:col>
                    <xdr:colOff>104775</xdr:colOff>
                    <xdr:row>62</xdr:row>
                    <xdr:rowOff>38100</xdr:rowOff>
                  </to>
                </anchor>
              </controlPr>
            </control>
          </mc:Choice>
        </mc:AlternateContent>
        <mc:AlternateContent xmlns:mc="http://schemas.openxmlformats.org/markup-compatibility/2006">
          <mc:Choice Requires="x14">
            <control shapeId="17622" r:id="rId217" name="Check Box 214">
              <controlPr defaultSize="0" autoFill="0" autoLine="0" autoPict="0">
                <anchor moveWithCells="1">
                  <from>
                    <xdr:col>22</xdr:col>
                    <xdr:colOff>161925</xdr:colOff>
                    <xdr:row>61</xdr:row>
                    <xdr:rowOff>152400</xdr:rowOff>
                  </from>
                  <to>
                    <xdr:col>24</xdr:col>
                    <xdr:colOff>104775</xdr:colOff>
                    <xdr:row>63</xdr:row>
                    <xdr:rowOff>38100</xdr:rowOff>
                  </to>
                </anchor>
              </controlPr>
            </control>
          </mc:Choice>
        </mc:AlternateContent>
        <mc:AlternateContent xmlns:mc="http://schemas.openxmlformats.org/markup-compatibility/2006">
          <mc:Choice Requires="x14">
            <control shapeId="17623" r:id="rId218" name="Check Box 215">
              <controlPr defaultSize="0" autoFill="0" autoLine="0" autoPict="0">
                <anchor moveWithCells="1">
                  <from>
                    <xdr:col>22</xdr:col>
                    <xdr:colOff>161925</xdr:colOff>
                    <xdr:row>62</xdr:row>
                    <xdr:rowOff>152400</xdr:rowOff>
                  </from>
                  <to>
                    <xdr:col>24</xdr:col>
                    <xdr:colOff>104775</xdr:colOff>
                    <xdr:row>64</xdr:row>
                    <xdr:rowOff>38100</xdr:rowOff>
                  </to>
                </anchor>
              </controlPr>
            </control>
          </mc:Choice>
        </mc:AlternateContent>
        <mc:AlternateContent xmlns:mc="http://schemas.openxmlformats.org/markup-compatibility/2006">
          <mc:Choice Requires="x14">
            <control shapeId="17624" r:id="rId219" name="Check Box 216">
              <controlPr defaultSize="0" autoFill="0" autoLine="0" autoPict="0">
                <anchor moveWithCells="1">
                  <from>
                    <xdr:col>6</xdr:col>
                    <xdr:colOff>161925</xdr:colOff>
                    <xdr:row>96</xdr:row>
                    <xdr:rowOff>133350</xdr:rowOff>
                  </from>
                  <to>
                    <xdr:col>8</xdr:col>
                    <xdr:colOff>104775</xdr:colOff>
                    <xdr:row>98</xdr:row>
                    <xdr:rowOff>47625</xdr:rowOff>
                  </to>
                </anchor>
              </controlPr>
            </control>
          </mc:Choice>
        </mc:AlternateContent>
        <mc:AlternateContent xmlns:mc="http://schemas.openxmlformats.org/markup-compatibility/2006">
          <mc:Choice Requires="x14">
            <control shapeId="17625" r:id="rId220" name="Check Box 217">
              <controlPr defaultSize="0" autoFill="0" autoLine="0" autoPict="0">
                <anchor moveWithCells="1">
                  <from>
                    <xdr:col>6</xdr:col>
                    <xdr:colOff>161925</xdr:colOff>
                    <xdr:row>102</xdr:row>
                    <xdr:rowOff>133350</xdr:rowOff>
                  </from>
                  <to>
                    <xdr:col>8</xdr:col>
                    <xdr:colOff>104775</xdr:colOff>
                    <xdr:row>104</xdr:row>
                    <xdr:rowOff>47625</xdr:rowOff>
                  </to>
                </anchor>
              </controlPr>
            </control>
          </mc:Choice>
        </mc:AlternateContent>
        <mc:AlternateContent xmlns:mc="http://schemas.openxmlformats.org/markup-compatibility/2006">
          <mc:Choice Requires="x14">
            <control shapeId="17626" r:id="rId221" name="Check Box 218">
              <controlPr defaultSize="0" autoFill="0" autoLine="0" autoPict="0">
                <anchor moveWithCells="1">
                  <from>
                    <xdr:col>6</xdr:col>
                    <xdr:colOff>171450</xdr:colOff>
                    <xdr:row>0</xdr:row>
                    <xdr:rowOff>161925</xdr:rowOff>
                  </from>
                  <to>
                    <xdr:col>8</xdr:col>
                    <xdr:colOff>114300</xdr:colOff>
                    <xdr:row>2</xdr:row>
                    <xdr:rowOff>28575</xdr:rowOff>
                  </to>
                </anchor>
              </controlPr>
            </control>
          </mc:Choice>
        </mc:AlternateContent>
        <mc:AlternateContent xmlns:mc="http://schemas.openxmlformats.org/markup-compatibility/2006">
          <mc:Choice Requires="x14">
            <control shapeId="17627" r:id="rId222" name="Check Box 219">
              <controlPr defaultSize="0" autoFill="0" autoLine="0" autoPict="0">
                <anchor moveWithCells="1">
                  <from>
                    <xdr:col>6</xdr:col>
                    <xdr:colOff>171450</xdr:colOff>
                    <xdr:row>1</xdr:row>
                    <xdr:rowOff>161925</xdr:rowOff>
                  </from>
                  <to>
                    <xdr:col>8</xdr:col>
                    <xdr:colOff>114300</xdr:colOff>
                    <xdr:row>3</xdr:row>
                    <xdr:rowOff>28575</xdr:rowOff>
                  </to>
                </anchor>
              </controlPr>
            </control>
          </mc:Choice>
        </mc:AlternateContent>
        <mc:AlternateContent xmlns:mc="http://schemas.openxmlformats.org/markup-compatibility/2006">
          <mc:Choice Requires="x14">
            <control shapeId="17628" r:id="rId223" name="Check Box 220">
              <controlPr defaultSize="0" autoFill="0" autoLine="0" autoPict="0">
                <anchor moveWithCells="1">
                  <from>
                    <xdr:col>6</xdr:col>
                    <xdr:colOff>171450</xdr:colOff>
                    <xdr:row>3</xdr:row>
                    <xdr:rowOff>161925</xdr:rowOff>
                  </from>
                  <to>
                    <xdr:col>8</xdr:col>
                    <xdr:colOff>114300</xdr:colOff>
                    <xdr:row>5</xdr:row>
                    <xdr:rowOff>28575</xdr:rowOff>
                  </to>
                </anchor>
              </controlPr>
            </control>
          </mc:Choice>
        </mc:AlternateContent>
        <mc:AlternateContent xmlns:mc="http://schemas.openxmlformats.org/markup-compatibility/2006">
          <mc:Choice Requires="x14">
            <control shapeId="17629" r:id="rId224" name="Check Box 221">
              <controlPr defaultSize="0" autoFill="0" autoLine="0" autoPict="0">
                <anchor moveWithCells="1">
                  <from>
                    <xdr:col>6</xdr:col>
                    <xdr:colOff>161925</xdr:colOff>
                    <xdr:row>6</xdr:row>
                    <xdr:rowOff>142875</xdr:rowOff>
                  </from>
                  <to>
                    <xdr:col>8</xdr:col>
                    <xdr:colOff>104775</xdr:colOff>
                    <xdr:row>8</xdr:row>
                    <xdr:rowOff>9525</xdr:rowOff>
                  </to>
                </anchor>
              </controlPr>
            </control>
          </mc:Choice>
        </mc:AlternateContent>
        <mc:AlternateContent xmlns:mc="http://schemas.openxmlformats.org/markup-compatibility/2006">
          <mc:Choice Requires="x14">
            <control shapeId="17630" r:id="rId225" name="Check Box 222">
              <controlPr defaultSize="0" autoFill="0" autoLine="0" autoPict="0">
                <anchor moveWithCells="1">
                  <from>
                    <xdr:col>22</xdr:col>
                    <xdr:colOff>171450</xdr:colOff>
                    <xdr:row>0</xdr:row>
                    <xdr:rowOff>161925</xdr:rowOff>
                  </from>
                  <to>
                    <xdr:col>24</xdr:col>
                    <xdr:colOff>114300</xdr:colOff>
                    <xdr:row>2</xdr:row>
                    <xdr:rowOff>28575</xdr:rowOff>
                  </to>
                </anchor>
              </controlPr>
            </control>
          </mc:Choice>
        </mc:AlternateContent>
        <mc:AlternateContent xmlns:mc="http://schemas.openxmlformats.org/markup-compatibility/2006">
          <mc:Choice Requires="x14">
            <control shapeId="17631" r:id="rId226" name="Check Box 223">
              <controlPr defaultSize="0" autoFill="0" autoLine="0" autoPict="0">
                <anchor moveWithCells="1">
                  <from>
                    <xdr:col>22</xdr:col>
                    <xdr:colOff>171450</xdr:colOff>
                    <xdr:row>1</xdr:row>
                    <xdr:rowOff>161925</xdr:rowOff>
                  </from>
                  <to>
                    <xdr:col>24</xdr:col>
                    <xdr:colOff>114300</xdr:colOff>
                    <xdr:row>3</xdr:row>
                    <xdr:rowOff>28575</xdr:rowOff>
                  </to>
                </anchor>
              </controlPr>
            </control>
          </mc:Choice>
        </mc:AlternateContent>
        <mc:AlternateContent xmlns:mc="http://schemas.openxmlformats.org/markup-compatibility/2006">
          <mc:Choice Requires="x14">
            <control shapeId="17632" r:id="rId227" name="Check Box 224">
              <controlPr defaultSize="0" autoFill="0" autoLine="0" autoPict="0">
                <anchor moveWithCells="1">
                  <from>
                    <xdr:col>22</xdr:col>
                    <xdr:colOff>171450</xdr:colOff>
                    <xdr:row>3</xdr:row>
                    <xdr:rowOff>161925</xdr:rowOff>
                  </from>
                  <to>
                    <xdr:col>24</xdr:col>
                    <xdr:colOff>114300</xdr:colOff>
                    <xdr:row>5</xdr:row>
                    <xdr:rowOff>28575</xdr:rowOff>
                  </to>
                </anchor>
              </controlPr>
            </control>
          </mc:Choice>
        </mc:AlternateContent>
        <mc:AlternateContent xmlns:mc="http://schemas.openxmlformats.org/markup-compatibility/2006">
          <mc:Choice Requires="x14">
            <control shapeId="17633" r:id="rId228" name="Check Box 225">
              <controlPr defaultSize="0" autoFill="0" autoLine="0" autoPict="0">
                <anchor moveWithCells="1">
                  <from>
                    <xdr:col>6</xdr:col>
                    <xdr:colOff>161925</xdr:colOff>
                    <xdr:row>106</xdr:row>
                    <xdr:rowOff>142875</xdr:rowOff>
                  </from>
                  <to>
                    <xdr:col>8</xdr:col>
                    <xdr:colOff>104775</xdr:colOff>
                    <xdr:row>108</xdr:row>
                    <xdr:rowOff>38100</xdr:rowOff>
                  </to>
                </anchor>
              </controlPr>
            </control>
          </mc:Choice>
        </mc:AlternateContent>
        <mc:AlternateContent xmlns:mc="http://schemas.openxmlformats.org/markup-compatibility/2006">
          <mc:Choice Requires="x14">
            <control shapeId="17634" r:id="rId229" name="Check Box 226">
              <controlPr defaultSize="0" autoFill="0" autoLine="0" autoPict="0">
                <anchor moveWithCells="1">
                  <from>
                    <xdr:col>6</xdr:col>
                    <xdr:colOff>161925</xdr:colOff>
                    <xdr:row>110</xdr:row>
                    <xdr:rowOff>142875</xdr:rowOff>
                  </from>
                  <to>
                    <xdr:col>8</xdr:col>
                    <xdr:colOff>104775</xdr:colOff>
                    <xdr:row>112</xdr:row>
                    <xdr:rowOff>38100</xdr:rowOff>
                  </to>
                </anchor>
              </controlPr>
            </control>
          </mc:Choice>
        </mc:AlternateContent>
        <mc:AlternateContent xmlns:mc="http://schemas.openxmlformats.org/markup-compatibility/2006">
          <mc:Choice Requires="x14">
            <control shapeId="17635" r:id="rId230" name="Check Box 227">
              <controlPr defaultSize="0" autoFill="0" autoLine="0" autoPict="0">
                <anchor moveWithCells="1">
                  <from>
                    <xdr:col>6</xdr:col>
                    <xdr:colOff>161925</xdr:colOff>
                    <xdr:row>112</xdr:row>
                    <xdr:rowOff>142875</xdr:rowOff>
                  </from>
                  <to>
                    <xdr:col>8</xdr:col>
                    <xdr:colOff>104775</xdr:colOff>
                    <xdr:row>114</xdr:row>
                    <xdr:rowOff>38100</xdr:rowOff>
                  </to>
                </anchor>
              </controlPr>
            </control>
          </mc:Choice>
        </mc:AlternateContent>
        <mc:AlternateContent xmlns:mc="http://schemas.openxmlformats.org/markup-compatibility/2006">
          <mc:Choice Requires="x14">
            <control shapeId="17636" r:id="rId231" name="Check Box 228">
              <controlPr defaultSize="0" autoFill="0" autoLine="0" autoPict="0">
                <anchor moveWithCells="1">
                  <from>
                    <xdr:col>6</xdr:col>
                    <xdr:colOff>161925</xdr:colOff>
                    <xdr:row>113</xdr:row>
                    <xdr:rowOff>142875</xdr:rowOff>
                  </from>
                  <to>
                    <xdr:col>8</xdr:col>
                    <xdr:colOff>104775</xdr:colOff>
                    <xdr:row>115</xdr:row>
                    <xdr:rowOff>38100</xdr:rowOff>
                  </to>
                </anchor>
              </controlPr>
            </control>
          </mc:Choice>
        </mc:AlternateContent>
        <mc:AlternateContent xmlns:mc="http://schemas.openxmlformats.org/markup-compatibility/2006">
          <mc:Choice Requires="x14">
            <control shapeId="17637" r:id="rId232" name="Check Box 229">
              <controlPr defaultSize="0" autoFill="0" autoLine="0" autoPict="0">
                <anchor moveWithCells="1">
                  <from>
                    <xdr:col>6</xdr:col>
                    <xdr:colOff>161925</xdr:colOff>
                    <xdr:row>114</xdr:row>
                    <xdr:rowOff>142875</xdr:rowOff>
                  </from>
                  <to>
                    <xdr:col>8</xdr:col>
                    <xdr:colOff>104775</xdr:colOff>
                    <xdr:row>116</xdr:row>
                    <xdr:rowOff>38100</xdr:rowOff>
                  </to>
                </anchor>
              </controlPr>
            </control>
          </mc:Choice>
        </mc:AlternateContent>
        <mc:AlternateContent xmlns:mc="http://schemas.openxmlformats.org/markup-compatibility/2006">
          <mc:Choice Requires="x14">
            <control shapeId="17638" r:id="rId233" name="Check Box 230">
              <controlPr defaultSize="0" autoFill="0" autoLine="0" autoPict="0">
                <anchor moveWithCells="1">
                  <from>
                    <xdr:col>6</xdr:col>
                    <xdr:colOff>161925</xdr:colOff>
                    <xdr:row>44</xdr:row>
                    <xdr:rowOff>9525</xdr:rowOff>
                  </from>
                  <to>
                    <xdr:col>8</xdr:col>
                    <xdr:colOff>104775</xdr:colOff>
                    <xdr:row>45</xdr:row>
                    <xdr:rowOff>47625</xdr:rowOff>
                  </to>
                </anchor>
              </controlPr>
            </control>
          </mc:Choice>
        </mc:AlternateContent>
        <mc:AlternateContent xmlns:mc="http://schemas.openxmlformats.org/markup-compatibility/2006">
          <mc:Choice Requires="x14">
            <control shapeId="17639" r:id="rId234" name="Check Box 231">
              <controlPr defaultSize="0" autoFill="0" autoLine="0" autoPict="0">
                <anchor moveWithCells="1">
                  <from>
                    <xdr:col>6</xdr:col>
                    <xdr:colOff>161925</xdr:colOff>
                    <xdr:row>14</xdr:row>
                    <xdr:rowOff>0</xdr:rowOff>
                  </from>
                  <to>
                    <xdr:col>8</xdr:col>
                    <xdr:colOff>104775</xdr:colOff>
                    <xdr:row>15</xdr:row>
                    <xdr:rowOff>38100</xdr:rowOff>
                  </to>
                </anchor>
              </controlPr>
            </control>
          </mc:Choice>
        </mc:AlternateContent>
        <mc:AlternateContent xmlns:mc="http://schemas.openxmlformats.org/markup-compatibility/2006">
          <mc:Choice Requires="x14">
            <control shapeId="17640" r:id="rId235" name="Check Box 232">
              <controlPr defaultSize="0" autoFill="0" autoLine="0" autoPict="0">
                <anchor moveWithCells="1">
                  <from>
                    <xdr:col>22</xdr:col>
                    <xdr:colOff>161925</xdr:colOff>
                    <xdr:row>13</xdr:row>
                    <xdr:rowOff>161925</xdr:rowOff>
                  </from>
                  <to>
                    <xdr:col>24</xdr:col>
                    <xdr:colOff>104775</xdr:colOff>
                    <xdr:row>15</xdr:row>
                    <xdr:rowOff>28575</xdr:rowOff>
                  </to>
                </anchor>
              </controlPr>
            </control>
          </mc:Choice>
        </mc:AlternateContent>
        <mc:AlternateContent xmlns:mc="http://schemas.openxmlformats.org/markup-compatibility/2006">
          <mc:Choice Requires="x14">
            <control shapeId="17641" r:id="rId236" name="Check Box 233">
              <controlPr defaultSize="0" autoFill="0" autoLine="0" autoPict="0">
                <anchor moveWithCells="1">
                  <from>
                    <xdr:col>31</xdr:col>
                    <xdr:colOff>152400</xdr:colOff>
                    <xdr:row>9</xdr:row>
                    <xdr:rowOff>0</xdr:rowOff>
                  </from>
                  <to>
                    <xdr:col>33</xdr:col>
                    <xdr:colOff>95250</xdr:colOff>
                    <xdr:row>10</xdr:row>
                    <xdr:rowOff>38100</xdr:rowOff>
                  </to>
                </anchor>
              </controlPr>
            </control>
          </mc:Choice>
        </mc:AlternateContent>
        <mc:AlternateContent xmlns:mc="http://schemas.openxmlformats.org/markup-compatibility/2006">
          <mc:Choice Requires="x14">
            <control shapeId="17642" r:id="rId237" name="Check Box 234">
              <controlPr defaultSize="0" autoFill="0" autoLine="0" autoPict="0">
                <anchor moveWithCells="1">
                  <from>
                    <xdr:col>42</xdr:col>
                    <xdr:colOff>161925</xdr:colOff>
                    <xdr:row>8</xdr:row>
                    <xdr:rowOff>152400</xdr:rowOff>
                  </from>
                  <to>
                    <xdr:col>44</xdr:col>
                    <xdr:colOff>104775</xdr:colOff>
                    <xdr:row>10</xdr:row>
                    <xdr:rowOff>19050</xdr:rowOff>
                  </to>
                </anchor>
              </controlPr>
            </control>
          </mc:Choice>
        </mc:AlternateContent>
        <mc:AlternateContent xmlns:mc="http://schemas.openxmlformats.org/markup-compatibility/2006">
          <mc:Choice Requires="x14">
            <control shapeId="17643" r:id="rId238" name="Check Box 235">
              <controlPr defaultSize="0" autoFill="0" autoLine="0" autoPict="0">
                <anchor moveWithCells="1">
                  <from>
                    <xdr:col>24</xdr:col>
                    <xdr:colOff>0</xdr:colOff>
                    <xdr:row>9</xdr:row>
                    <xdr:rowOff>161925</xdr:rowOff>
                  </from>
                  <to>
                    <xdr:col>25</xdr:col>
                    <xdr:colOff>123825</xdr:colOff>
                    <xdr:row>11</xdr:row>
                    <xdr:rowOff>28575</xdr:rowOff>
                  </to>
                </anchor>
              </controlPr>
            </control>
          </mc:Choice>
        </mc:AlternateContent>
        <mc:AlternateContent xmlns:mc="http://schemas.openxmlformats.org/markup-compatibility/2006">
          <mc:Choice Requires="x14">
            <control shapeId="17644" r:id="rId239" name="Check Box 236">
              <controlPr defaultSize="0" autoFill="0" autoLine="0" autoPict="0">
                <anchor moveWithCells="1">
                  <from>
                    <xdr:col>25</xdr:col>
                    <xdr:colOff>0</xdr:colOff>
                    <xdr:row>10</xdr:row>
                    <xdr:rowOff>161925</xdr:rowOff>
                  </from>
                  <to>
                    <xdr:col>26</xdr:col>
                    <xdr:colOff>123825</xdr:colOff>
                    <xdr:row>12</xdr:row>
                    <xdr:rowOff>28575</xdr:rowOff>
                  </to>
                </anchor>
              </controlPr>
            </control>
          </mc:Choice>
        </mc:AlternateContent>
        <mc:AlternateContent xmlns:mc="http://schemas.openxmlformats.org/markup-compatibility/2006">
          <mc:Choice Requires="x14">
            <control shapeId="17645" r:id="rId240" name="Check Box 237">
              <controlPr defaultSize="0" autoFill="0" autoLine="0" autoPict="0">
                <anchor moveWithCells="1">
                  <from>
                    <xdr:col>27</xdr:col>
                    <xdr:colOff>152400</xdr:colOff>
                    <xdr:row>10</xdr:row>
                    <xdr:rowOff>161925</xdr:rowOff>
                  </from>
                  <to>
                    <xdr:col>29</xdr:col>
                    <xdr:colOff>95250</xdr:colOff>
                    <xdr:row>12</xdr:row>
                    <xdr:rowOff>28575</xdr:rowOff>
                  </to>
                </anchor>
              </controlPr>
            </control>
          </mc:Choice>
        </mc:AlternateContent>
        <mc:AlternateContent xmlns:mc="http://schemas.openxmlformats.org/markup-compatibility/2006">
          <mc:Choice Requires="x14">
            <control shapeId="17646" r:id="rId241" name="Check Box 238">
              <controlPr defaultSize="0" autoFill="0" autoLine="0" autoPict="0">
                <anchor moveWithCells="1">
                  <from>
                    <xdr:col>23</xdr:col>
                    <xdr:colOff>171450</xdr:colOff>
                    <xdr:row>12</xdr:row>
                    <xdr:rowOff>9525</xdr:rowOff>
                  </from>
                  <to>
                    <xdr:col>25</xdr:col>
                    <xdr:colOff>114300</xdr:colOff>
                    <xdr:row>13</xdr:row>
                    <xdr:rowOff>47625</xdr:rowOff>
                  </to>
                </anchor>
              </controlPr>
            </control>
          </mc:Choice>
        </mc:AlternateContent>
        <mc:AlternateContent xmlns:mc="http://schemas.openxmlformats.org/markup-compatibility/2006">
          <mc:Choice Requires="x14">
            <control shapeId="17647" r:id="rId242" name="Check Box 239">
              <controlPr defaultSize="0" autoFill="0" autoLine="0" autoPict="0">
                <anchor moveWithCells="1">
                  <from>
                    <xdr:col>24</xdr:col>
                    <xdr:colOff>171450</xdr:colOff>
                    <xdr:row>12</xdr:row>
                    <xdr:rowOff>161925</xdr:rowOff>
                  </from>
                  <to>
                    <xdr:col>26</xdr:col>
                    <xdr:colOff>114300</xdr:colOff>
                    <xdr:row>14</xdr:row>
                    <xdr:rowOff>28575</xdr:rowOff>
                  </to>
                </anchor>
              </controlPr>
            </control>
          </mc:Choice>
        </mc:AlternateContent>
        <mc:AlternateContent xmlns:mc="http://schemas.openxmlformats.org/markup-compatibility/2006">
          <mc:Choice Requires="x14">
            <control shapeId="17648" r:id="rId243" name="Check Box 240">
              <controlPr defaultSize="0" autoFill="0" autoLine="0" autoPict="0">
                <anchor moveWithCells="1">
                  <from>
                    <xdr:col>27</xdr:col>
                    <xdr:colOff>152400</xdr:colOff>
                    <xdr:row>12</xdr:row>
                    <xdr:rowOff>161925</xdr:rowOff>
                  </from>
                  <to>
                    <xdr:col>29</xdr:col>
                    <xdr:colOff>95250</xdr:colOff>
                    <xdr:row>14</xdr:row>
                    <xdr:rowOff>28575</xdr:rowOff>
                  </to>
                </anchor>
              </controlPr>
            </control>
          </mc:Choice>
        </mc:AlternateContent>
        <mc:AlternateContent xmlns:mc="http://schemas.openxmlformats.org/markup-compatibility/2006">
          <mc:Choice Requires="x14">
            <control shapeId="17649" r:id="rId244" name="Check Box 241">
              <controlPr defaultSize="0" autoFill="0" autoLine="0" autoPict="0">
                <anchor moveWithCells="1">
                  <from>
                    <xdr:col>22</xdr:col>
                    <xdr:colOff>171450</xdr:colOff>
                    <xdr:row>2</xdr:row>
                    <xdr:rowOff>161925</xdr:rowOff>
                  </from>
                  <to>
                    <xdr:col>24</xdr:col>
                    <xdr:colOff>114300</xdr:colOff>
                    <xdr:row>4</xdr:row>
                    <xdr:rowOff>28575</xdr:rowOff>
                  </to>
                </anchor>
              </controlPr>
            </control>
          </mc:Choice>
        </mc:AlternateContent>
        <mc:AlternateContent xmlns:mc="http://schemas.openxmlformats.org/markup-compatibility/2006">
          <mc:Choice Requires="x14">
            <control shapeId="17650" r:id="rId245" name="Check Box 242">
              <controlPr defaultSize="0" autoFill="0" autoLine="0" autoPict="0">
                <anchor moveWithCells="1">
                  <from>
                    <xdr:col>27</xdr:col>
                    <xdr:colOff>161925</xdr:colOff>
                    <xdr:row>6</xdr:row>
                    <xdr:rowOff>161925</xdr:rowOff>
                  </from>
                  <to>
                    <xdr:col>29</xdr:col>
                    <xdr:colOff>104775</xdr:colOff>
                    <xdr:row>8</xdr:row>
                    <xdr:rowOff>28575</xdr:rowOff>
                  </to>
                </anchor>
              </controlPr>
            </control>
          </mc:Choice>
        </mc:AlternateContent>
        <mc:AlternateContent xmlns:mc="http://schemas.openxmlformats.org/markup-compatibility/2006">
          <mc:Choice Requires="x14">
            <control shapeId="17651" r:id="rId246" name="Check Box 243">
              <controlPr defaultSize="0" autoFill="0" autoLine="0" autoPict="0">
                <anchor moveWithCells="1">
                  <from>
                    <xdr:col>36</xdr:col>
                    <xdr:colOff>161925</xdr:colOff>
                    <xdr:row>6</xdr:row>
                    <xdr:rowOff>161925</xdr:rowOff>
                  </from>
                  <to>
                    <xdr:col>38</xdr:col>
                    <xdr:colOff>104775</xdr:colOff>
                    <xdr:row>8</xdr:row>
                    <xdr:rowOff>28575</xdr:rowOff>
                  </to>
                </anchor>
              </controlPr>
            </control>
          </mc:Choice>
        </mc:AlternateContent>
        <mc:AlternateContent xmlns:mc="http://schemas.openxmlformats.org/markup-compatibility/2006">
          <mc:Choice Requires="x14">
            <control shapeId="17652" r:id="rId247" name="Check Box 244">
              <controlPr defaultSize="0" autoFill="0" autoLine="0" autoPict="0">
                <anchor moveWithCells="1">
                  <from>
                    <xdr:col>38</xdr:col>
                    <xdr:colOff>142875</xdr:colOff>
                    <xdr:row>2</xdr:row>
                    <xdr:rowOff>161925</xdr:rowOff>
                  </from>
                  <to>
                    <xdr:col>40</xdr:col>
                    <xdr:colOff>85725</xdr:colOff>
                    <xdr:row>4</xdr:row>
                    <xdr:rowOff>28575</xdr:rowOff>
                  </to>
                </anchor>
              </controlPr>
            </control>
          </mc:Choice>
        </mc:AlternateContent>
        <mc:AlternateContent xmlns:mc="http://schemas.openxmlformats.org/markup-compatibility/2006">
          <mc:Choice Requires="x14">
            <control shapeId="17653" r:id="rId248" name="Check Box 245">
              <controlPr defaultSize="0" autoFill="0" autoLine="0" autoPict="0">
                <anchor moveWithCells="1">
                  <from>
                    <xdr:col>48</xdr:col>
                    <xdr:colOff>142875</xdr:colOff>
                    <xdr:row>3</xdr:row>
                    <xdr:rowOff>142875</xdr:rowOff>
                  </from>
                  <to>
                    <xdr:col>50</xdr:col>
                    <xdr:colOff>85725</xdr:colOff>
                    <xdr:row>5</xdr:row>
                    <xdr:rowOff>28575</xdr:rowOff>
                  </to>
                </anchor>
              </controlPr>
            </control>
          </mc:Choice>
        </mc:AlternateContent>
        <mc:AlternateContent xmlns:mc="http://schemas.openxmlformats.org/markup-compatibility/2006">
          <mc:Choice Requires="x14">
            <control shapeId="17654" r:id="rId249" name="Check Box 246">
              <controlPr defaultSize="0" autoFill="0" autoLine="0" autoPict="0">
                <anchor moveWithCells="1">
                  <from>
                    <xdr:col>36</xdr:col>
                    <xdr:colOff>152400</xdr:colOff>
                    <xdr:row>4</xdr:row>
                    <xdr:rowOff>133350</xdr:rowOff>
                  </from>
                  <to>
                    <xdr:col>38</xdr:col>
                    <xdr:colOff>95250</xdr:colOff>
                    <xdr:row>6</xdr:row>
                    <xdr:rowOff>19050</xdr:rowOff>
                  </to>
                </anchor>
              </controlPr>
            </control>
          </mc:Choice>
        </mc:AlternateContent>
        <mc:AlternateContent xmlns:mc="http://schemas.openxmlformats.org/markup-compatibility/2006">
          <mc:Choice Requires="x14">
            <control shapeId="17655" r:id="rId250" name="Check Box 247">
              <controlPr defaultSize="0" autoFill="0" autoLine="0" autoPict="0">
                <anchor moveWithCells="1">
                  <from>
                    <xdr:col>48</xdr:col>
                    <xdr:colOff>142875</xdr:colOff>
                    <xdr:row>4</xdr:row>
                    <xdr:rowOff>133350</xdr:rowOff>
                  </from>
                  <to>
                    <xdr:col>50</xdr:col>
                    <xdr:colOff>85725</xdr:colOff>
                    <xdr:row>6</xdr:row>
                    <xdr:rowOff>19050</xdr:rowOff>
                  </to>
                </anchor>
              </controlPr>
            </control>
          </mc:Choice>
        </mc:AlternateContent>
        <mc:AlternateContent xmlns:mc="http://schemas.openxmlformats.org/markup-compatibility/2006">
          <mc:Choice Requires="x14">
            <control shapeId="17656" r:id="rId251" name="Check Box 248">
              <controlPr defaultSize="0" autoFill="0" autoLine="0" autoPict="0">
                <anchor moveWithCells="1">
                  <from>
                    <xdr:col>23</xdr:col>
                    <xdr:colOff>161925</xdr:colOff>
                    <xdr:row>132</xdr:row>
                    <xdr:rowOff>142875</xdr:rowOff>
                  </from>
                  <to>
                    <xdr:col>25</xdr:col>
                    <xdr:colOff>104775</xdr:colOff>
                    <xdr:row>134</xdr:row>
                    <xdr:rowOff>38100</xdr:rowOff>
                  </to>
                </anchor>
              </controlPr>
            </control>
          </mc:Choice>
        </mc:AlternateContent>
        <mc:AlternateContent xmlns:mc="http://schemas.openxmlformats.org/markup-compatibility/2006">
          <mc:Choice Requires="x14">
            <control shapeId="17657" r:id="rId252" name="Check Box 249">
              <controlPr defaultSize="0" autoFill="0" autoLine="0" autoPict="0">
                <anchor moveWithCells="1">
                  <from>
                    <xdr:col>29</xdr:col>
                    <xdr:colOff>161925</xdr:colOff>
                    <xdr:row>132</xdr:row>
                    <xdr:rowOff>142875</xdr:rowOff>
                  </from>
                  <to>
                    <xdr:col>31</xdr:col>
                    <xdr:colOff>104775</xdr:colOff>
                    <xdr:row>134</xdr:row>
                    <xdr:rowOff>38100</xdr:rowOff>
                  </to>
                </anchor>
              </controlPr>
            </control>
          </mc:Choice>
        </mc:AlternateContent>
        <mc:AlternateContent xmlns:mc="http://schemas.openxmlformats.org/markup-compatibility/2006">
          <mc:Choice Requires="x14">
            <control shapeId="17658" r:id="rId253" name="Check Box 250">
              <controlPr defaultSize="0" autoFill="0" autoLine="0" autoPict="0">
                <anchor moveWithCells="1">
                  <from>
                    <xdr:col>36</xdr:col>
                    <xdr:colOff>161925</xdr:colOff>
                    <xdr:row>132</xdr:row>
                    <xdr:rowOff>142875</xdr:rowOff>
                  </from>
                  <to>
                    <xdr:col>38</xdr:col>
                    <xdr:colOff>104775</xdr:colOff>
                    <xdr:row>134</xdr:row>
                    <xdr:rowOff>381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66"/>
  </sheetPr>
  <dimension ref="A1:T36"/>
  <sheetViews>
    <sheetView tabSelected="1" view="pageBreakPreview" zoomScale="92" zoomScaleNormal="100" zoomScaleSheetLayoutView="92" workbookViewId="0">
      <selection activeCell="I21" sqref="I21"/>
    </sheetView>
  </sheetViews>
  <sheetFormatPr defaultRowHeight="13.5"/>
  <cols>
    <col min="1" max="1" width="20.75" style="451" customWidth="1"/>
    <col min="2" max="2" width="4" style="451" customWidth="1"/>
    <col min="3" max="3" width="10.625" style="451" customWidth="1"/>
    <col min="4" max="4" width="13.625" style="451" customWidth="1"/>
    <col min="5" max="5" width="3.625" style="451" customWidth="1"/>
    <col min="6" max="6" width="10.625" style="451" customWidth="1"/>
    <col min="7" max="7" width="14.75" style="451" customWidth="1"/>
    <col min="8" max="8" width="3.625" style="451" customWidth="1"/>
    <col min="9" max="10" width="10.625" style="451" customWidth="1"/>
    <col min="11" max="11" width="3.625" style="451" customWidth="1"/>
    <col min="12" max="17" width="9" style="451"/>
    <col min="18" max="18" width="13.75" style="451" customWidth="1"/>
    <col min="19" max="16384" width="9" style="451"/>
  </cols>
  <sheetData>
    <row r="1" spans="1:20" s="32" customFormat="1" ht="15" customHeight="1">
      <c r="A1" s="524" t="s">
        <v>47</v>
      </c>
      <c r="B1" s="1"/>
      <c r="C1" s="2" t="s">
        <v>55</v>
      </c>
      <c r="D1" s="3"/>
      <c r="E1" s="535" t="s">
        <v>0</v>
      </c>
      <c r="F1" s="536"/>
      <c r="G1" s="536"/>
      <c r="H1" s="536"/>
      <c r="I1" s="536"/>
      <c r="J1" s="537"/>
      <c r="K1" s="518" t="s">
        <v>1</v>
      </c>
      <c r="L1" s="519"/>
      <c r="M1" s="519"/>
      <c r="N1" s="520"/>
      <c r="P1" s="151"/>
    </row>
    <row r="2" spans="1:20" s="32" customFormat="1" ht="25.5" customHeight="1">
      <c r="A2" s="525"/>
      <c r="B2" s="4"/>
      <c r="C2" s="5" t="s">
        <v>2</v>
      </c>
      <c r="D2" s="6"/>
      <c r="E2" s="538"/>
      <c r="F2" s="539"/>
      <c r="G2" s="539"/>
      <c r="H2" s="539"/>
      <c r="I2" s="539"/>
      <c r="J2" s="540"/>
      <c r="K2" s="521"/>
      <c r="L2" s="522"/>
      <c r="M2" s="522"/>
      <c r="N2" s="523"/>
      <c r="P2" s="152"/>
    </row>
    <row r="3" spans="1:20" s="32" customFormat="1" ht="13.5" customHeight="1">
      <c r="A3" s="7"/>
      <c r="B3" s="8"/>
      <c r="C3" s="570" t="s">
        <v>52</v>
      </c>
      <c r="D3" s="571"/>
      <c r="E3" s="8"/>
      <c r="F3" s="570" t="s">
        <v>53</v>
      </c>
      <c r="G3" s="571"/>
      <c r="H3" s="9"/>
      <c r="I3" s="570" t="s">
        <v>51</v>
      </c>
      <c r="J3" s="571"/>
      <c r="K3" s="9"/>
      <c r="L3" s="570" t="s">
        <v>54</v>
      </c>
      <c r="M3" s="572"/>
      <c r="N3" s="573"/>
      <c r="P3" s="152"/>
    </row>
    <row r="4" spans="1:20" s="32" customFormat="1" ht="14.25" customHeight="1">
      <c r="A4" s="10" t="s">
        <v>3</v>
      </c>
      <c r="B4" s="11" t="s">
        <v>4</v>
      </c>
      <c r="C4" s="574"/>
      <c r="D4" s="575"/>
      <c r="E4" s="11" t="s">
        <v>5</v>
      </c>
      <c r="F4" s="574"/>
      <c r="G4" s="575"/>
      <c r="H4" s="11" t="s">
        <v>6</v>
      </c>
      <c r="I4" s="574"/>
      <c r="J4" s="575"/>
      <c r="K4" s="11" t="s">
        <v>7</v>
      </c>
      <c r="L4" s="574"/>
      <c r="M4" s="576"/>
      <c r="N4" s="577"/>
      <c r="P4" s="152"/>
    </row>
    <row r="5" spans="1:20" s="32" customFormat="1">
      <c r="A5" s="12"/>
      <c r="B5" s="13"/>
      <c r="C5" s="578"/>
      <c r="D5" s="579"/>
      <c r="E5" s="13"/>
      <c r="F5" s="578"/>
      <c r="G5" s="579"/>
      <c r="H5" s="13"/>
      <c r="I5" s="578"/>
      <c r="J5" s="579"/>
      <c r="K5" s="13"/>
      <c r="L5" s="578"/>
      <c r="M5" s="580"/>
      <c r="N5" s="581"/>
      <c r="P5" s="152"/>
    </row>
    <row r="6" spans="1:20" s="32" customFormat="1" ht="13.5" customHeight="1">
      <c r="A6" s="532" t="s">
        <v>8</v>
      </c>
      <c r="B6" s="14"/>
      <c r="C6" s="534" t="s">
        <v>104</v>
      </c>
      <c r="D6" s="534"/>
      <c r="E6" s="534"/>
      <c r="F6" s="534"/>
      <c r="G6" s="534"/>
      <c r="H6" s="534"/>
      <c r="I6" s="15"/>
      <c r="J6" s="16"/>
      <c r="K6" s="17"/>
      <c r="L6" s="18" t="s">
        <v>46</v>
      </c>
      <c r="M6" s="18" t="s">
        <v>41</v>
      </c>
      <c r="N6" s="19" t="s">
        <v>45</v>
      </c>
      <c r="P6" s="152"/>
    </row>
    <row r="7" spans="1:20" s="32" customFormat="1" ht="15" customHeight="1">
      <c r="A7" s="533"/>
      <c r="B7" s="20"/>
      <c r="C7" s="522"/>
      <c r="D7" s="522"/>
      <c r="E7" s="522"/>
      <c r="F7" s="522"/>
      <c r="G7" s="522"/>
      <c r="H7" s="522"/>
      <c r="I7" s="21"/>
      <c r="J7" s="22"/>
      <c r="K7" s="23"/>
      <c r="L7" s="9"/>
      <c r="M7" s="9"/>
      <c r="N7" s="24"/>
      <c r="P7" s="16"/>
    </row>
    <row r="8" spans="1:20" s="32" customFormat="1" ht="13.5" customHeight="1">
      <c r="A8" s="532" t="s">
        <v>9</v>
      </c>
      <c r="B8" s="25"/>
      <c r="C8" s="541" t="s">
        <v>105</v>
      </c>
      <c r="D8" s="541"/>
      <c r="E8" s="541"/>
      <c r="F8" s="541"/>
      <c r="G8" s="541"/>
      <c r="H8" s="541"/>
      <c r="I8" s="541"/>
      <c r="J8" s="26"/>
      <c r="K8" s="27"/>
      <c r="L8" s="28"/>
      <c r="M8" s="28"/>
      <c r="N8" s="29"/>
      <c r="P8" s="16"/>
    </row>
    <row r="9" spans="1:20" s="32" customFormat="1" ht="18" customHeight="1">
      <c r="A9" s="533"/>
      <c r="B9" s="20"/>
      <c r="C9" s="542"/>
      <c r="D9" s="542"/>
      <c r="E9" s="542"/>
      <c r="F9" s="542"/>
      <c r="G9" s="542"/>
      <c r="H9" s="542"/>
      <c r="I9" s="542"/>
      <c r="J9" s="30"/>
      <c r="K9" s="23"/>
      <c r="L9" s="28"/>
      <c r="M9" s="28"/>
      <c r="N9" s="29"/>
      <c r="P9" s="16"/>
    </row>
    <row r="10" spans="1:20" s="32" customFormat="1" ht="14.25" customHeight="1">
      <c r="A10" s="31"/>
      <c r="G10" s="33" t="s">
        <v>10</v>
      </c>
      <c r="H10" s="34"/>
      <c r="I10" s="34"/>
      <c r="J10" s="34"/>
      <c r="L10" s="18" t="s">
        <v>42</v>
      </c>
      <c r="M10" s="18" t="s">
        <v>43</v>
      </c>
      <c r="N10" s="19" t="s">
        <v>44</v>
      </c>
    </row>
    <row r="11" spans="1:20" s="32" customFormat="1" ht="14.25" customHeight="1">
      <c r="A11" s="543" t="s">
        <v>11</v>
      </c>
      <c r="B11" s="544" t="s">
        <v>12</v>
      </c>
      <c r="C11" s="526"/>
      <c r="D11" s="526"/>
      <c r="E11" s="528" t="s">
        <v>13</v>
      </c>
      <c r="F11" s="530" t="s">
        <v>14</v>
      </c>
      <c r="G11" s="35" t="str">
        <f>L3</f>
        <v>工事請負費</v>
      </c>
      <c r="H11" s="531"/>
      <c r="I11" s="531"/>
      <c r="J11" s="36" t="s">
        <v>39</v>
      </c>
      <c r="L11" s="9"/>
      <c r="M11" s="9"/>
      <c r="N11" s="24"/>
    </row>
    <row r="12" spans="1:20" s="32" customFormat="1" ht="14.25" customHeight="1">
      <c r="A12" s="543"/>
      <c r="B12" s="545"/>
      <c r="C12" s="527"/>
      <c r="D12" s="527"/>
      <c r="E12" s="529"/>
      <c r="F12" s="530"/>
      <c r="G12" s="35" t="s">
        <v>15</v>
      </c>
      <c r="H12" s="37"/>
      <c r="I12" s="37"/>
      <c r="J12" s="37"/>
      <c r="L12" s="28"/>
      <c r="M12" s="28"/>
      <c r="N12" s="29"/>
    </row>
    <row r="13" spans="1:20" s="32" customFormat="1" ht="15" customHeight="1">
      <c r="A13" s="12"/>
      <c r="B13" s="20"/>
      <c r="C13" s="22"/>
      <c r="D13" s="369"/>
      <c r="E13" s="22"/>
      <c r="F13" s="22"/>
      <c r="G13" s="38" t="s">
        <v>16</v>
      </c>
      <c r="H13" s="22"/>
      <c r="I13" s="22"/>
      <c r="J13" s="22"/>
      <c r="K13" s="22"/>
      <c r="L13" s="13"/>
      <c r="M13" s="13"/>
      <c r="N13" s="39"/>
    </row>
    <row r="14" spans="1:20" s="32" customFormat="1" ht="13.5" customHeight="1">
      <c r="A14" s="40"/>
      <c r="B14" s="41"/>
      <c r="C14" s="41"/>
      <c r="D14" s="41"/>
      <c r="E14" s="41"/>
      <c r="F14" s="41"/>
      <c r="G14" s="41"/>
      <c r="H14" s="41"/>
      <c r="I14" s="41"/>
      <c r="J14" s="41"/>
      <c r="K14" s="41"/>
      <c r="L14" s="41"/>
      <c r="M14" s="41"/>
      <c r="N14" s="42"/>
    </row>
    <row r="15" spans="1:20" s="32" customFormat="1" ht="14.25" customHeight="1">
      <c r="A15" s="43" t="s">
        <v>17</v>
      </c>
      <c r="B15" s="16"/>
      <c r="C15" s="559" t="s">
        <v>18</v>
      </c>
      <c r="D15" s="559"/>
      <c r="E15" s="560">
        <v>43159</v>
      </c>
      <c r="F15" s="560"/>
      <c r="G15" s="560"/>
      <c r="H15" s="552" t="s">
        <v>19</v>
      </c>
      <c r="I15" s="552"/>
      <c r="J15" s="16"/>
      <c r="K15" s="16"/>
      <c r="L15" s="16"/>
      <c r="M15" s="16"/>
      <c r="N15" s="44"/>
    </row>
    <row r="16" spans="1:20" s="32" customFormat="1" ht="13.5" customHeight="1">
      <c r="A16" s="45"/>
      <c r="B16" s="22"/>
      <c r="C16" s="22"/>
      <c r="D16" s="22"/>
      <c r="E16" s="22"/>
      <c r="F16" s="22"/>
      <c r="G16" s="22"/>
      <c r="H16" s="22"/>
      <c r="I16" s="22"/>
      <c r="J16" s="22"/>
      <c r="K16" s="22"/>
      <c r="L16" s="22"/>
      <c r="M16" s="22"/>
      <c r="N16" s="46"/>
      <c r="T16" s="32" t="s">
        <v>40</v>
      </c>
    </row>
    <row r="17" spans="1:14" s="32" customFormat="1" ht="13.5" customHeight="1">
      <c r="A17" s="40"/>
      <c r="B17" s="41"/>
      <c r="C17" s="41"/>
      <c r="D17" s="41"/>
      <c r="E17" s="41"/>
      <c r="F17" s="27"/>
      <c r="G17" s="25"/>
      <c r="H17" s="41"/>
      <c r="I17" s="41"/>
      <c r="J17" s="41"/>
      <c r="K17" s="41"/>
      <c r="L17" s="41"/>
      <c r="M17" s="41"/>
      <c r="N17" s="42"/>
    </row>
    <row r="18" spans="1:14" s="32" customFormat="1" ht="13.5" customHeight="1">
      <c r="A18" s="47"/>
      <c r="B18" s="546" t="s">
        <v>20</v>
      </c>
      <c r="C18" s="546"/>
      <c r="D18" s="546"/>
      <c r="E18" s="546"/>
      <c r="F18" s="547"/>
      <c r="G18" s="14"/>
      <c r="H18" s="16"/>
      <c r="I18" s="16" t="s">
        <v>21</v>
      </c>
      <c r="J18" s="16" t="s">
        <v>22</v>
      </c>
      <c r="K18" s="16" t="s">
        <v>23</v>
      </c>
      <c r="L18" s="16"/>
      <c r="M18" s="16" t="s">
        <v>24</v>
      </c>
      <c r="N18" s="44"/>
    </row>
    <row r="19" spans="1:14" s="32" customFormat="1" ht="13.5" customHeight="1">
      <c r="A19" s="45"/>
      <c r="B19" s="22"/>
      <c r="C19" s="22"/>
      <c r="D19" s="22"/>
      <c r="E19" s="22"/>
      <c r="F19" s="23"/>
      <c r="G19" s="20"/>
      <c r="H19" s="22"/>
      <c r="I19" s="22"/>
      <c r="J19" s="22"/>
      <c r="K19" s="22"/>
      <c r="L19" s="22"/>
      <c r="M19" s="22"/>
      <c r="N19" s="46"/>
    </row>
    <row r="20" spans="1:14" s="32" customFormat="1" ht="13.5" customHeight="1">
      <c r="A20" s="48"/>
      <c r="B20" s="49"/>
      <c r="C20" s="49"/>
      <c r="D20" s="49"/>
      <c r="E20" s="49"/>
      <c r="F20" s="50"/>
      <c r="G20" s="25"/>
      <c r="H20" s="41"/>
      <c r="I20" s="41"/>
      <c r="J20" s="41"/>
      <c r="K20" s="41"/>
      <c r="L20" s="41"/>
      <c r="M20" s="41"/>
      <c r="N20" s="42"/>
    </row>
    <row r="21" spans="1:14" s="32" customFormat="1" ht="13.5" customHeight="1">
      <c r="A21" s="157" t="s">
        <v>56</v>
      </c>
      <c r="B21" s="449" t="s">
        <v>359</v>
      </c>
      <c r="C21" s="449"/>
      <c r="D21" s="52"/>
      <c r="E21" s="53"/>
      <c r="F21" s="54"/>
      <c r="G21" s="448" t="s">
        <v>103</v>
      </c>
      <c r="H21" s="449"/>
      <c r="I21" s="449"/>
      <c r="J21" s="449"/>
      <c r="K21" s="449"/>
      <c r="L21" s="449"/>
      <c r="M21" s="449"/>
      <c r="N21" s="450"/>
    </row>
    <row r="22" spans="1:14" s="32" customFormat="1" ht="13.5" customHeight="1">
      <c r="A22" s="158" t="s">
        <v>364</v>
      </c>
      <c r="B22" s="159"/>
      <c r="C22" s="160"/>
      <c r="D22" s="55"/>
      <c r="E22" s="56"/>
      <c r="F22" s="57"/>
      <c r="G22" s="553"/>
      <c r="H22" s="554"/>
      <c r="I22" s="554"/>
      <c r="J22" s="554"/>
      <c r="K22" s="554"/>
      <c r="L22" s="554"/>
      <c r="M22" s="554"/>
      <c r="N22" s="555"/>
    </row>
    <row r="23" spans="1:14" s="32" customFormat="1" ht="13.5" customHeight="1">
      <c r="A23" s="51"/>
      <c r="B23" s="52" t="s">
        <v>357</v>
      </c>
      <c r="C23" s="52"/>
      <c r="D23" s="52" t="s">
        <v>362</v>
      </c>
      <c r="E23" s="52"/>
      <c r="F23" s="54" t="s">
        <v>366</v>
      </c>
      <c r="G23" s="556"/>
      <c r="H23" s="557"/>
      <c r="I23" s="557"/>
      <c r="J23" s="557"/>
      <c r="K23" s="557"/>
      <c r="L23" s="557"/>
      <c r="M23" s="557"/>
      <c r="N23" s="558"/>
    </row>
    <row r="24" spans="1:14" s="32" customFormat="1" ht="13.5" customHeight="1">
      <c r="A24" s="158"/>
      <c r="B24" s="160" t="s">
        <v>358</v>
      </c>
      <c r="C24" s="160"/>
      <c r="D24" s="55" t="s">
        <v>362</v>
      </c>
      <c r="E24" s="55"/>
      <c r="F24" s="57" t="s">
        <v>366</v>
      </c>
      <c r="G24" s="553"/>
      <c r="H24" s="554"/>
      <c r="I24" s="554"/>
      <c r="J24" s="554"/>
      <c r="K24" s="554"/>
      <c r="L24" s="554"/>
      <c r="M24" s="554"/>
      <c r="N24" s="555"/>
    </row>
    <row r="25" spans="1:14" s="32" customFormat="1" ht="13.5" customHeight="1">
      <c r="A25" s="51"/>
      <c r="B25" s="52" t="s">
        <v>360</v>
      </c>
      <c r="C25" s="52"/>
      <c r="D25" s="52" t="s">
        <v>363</v>
      </c>
      <c r="E25" s="52"/>
      <c r="F25" s="54" t="s">
        <v>366</v>
      </c>
      <c r="G25" s="549"/>
      <c r="H25" s="550"/>
      <c r="I25" s="550"/>
      <c r="J25" s="550"/>
      <c r="K25" s="550"/>
      <c r="L25" s="550"/>
      <c r="M25" s="550"/>
      <c r="N25" s="551"/>
    </row>
    <row r="26" spans="1:14" s="32" customFormat="1">
      <c r="A26" s="158" t="s">
        <v>365</v>
      </c>
      <c r="B26" s="159"/>
      <c r="C26" s="160"/>
      <c r="D26" s="55"/>
      <c r="E26" s="55"/>
      <c r="F26" s="57"/>
      <c r="G26" s="553"/>
      <c r="H26" s="554"/>
      <c r="I26" s="554"/>
      <c r="J26" s="554"/>
      <c r="K26" s="554"/>
      <c r="L26" s="554"/>
      <c r="M26" s="554"/>
      <c r="N26" s="555"/>
    </row>
    <row r="27" spans="1:14" s="32" customFormat="1" ht="13.5" customHeight="1">
      <c r="A27" s="51"/>
      <c r="B27" s="52" t="s">
        <v>360</v>
      </c>
      <c r="C27" s="52"/>
      <c r="D27" s="52" t="s">
        <v>361</v>
      </c>
      <c r="E27" s="52"/>
      <c r="F27" s="54" t="s">
        <v>366</v>
      </c>
      <c r="G27" s="549"/>
      <c r="H27" s="550"/>
      <c r="I27" s="550"/>
      <c r="J27" s="550"/>
      <c r="K27" s="550"/>
      <c r="L27" s="550"/>
      <c r="M27" s="550"/>
      <c r="N27" s="551"/>
    </row>
    <row r="28" spans="1:14" s="32" customFormat="1" ht="13.5" customHeight="1">
      <c r="A28" s="370"/>
      <c r="B28" s="159"/>
      <c r="C28" s="160"/>
      <c r="D28" s="55"/>
      <c r="E28" s="56"/>
      <c r="F28" s="57"/>
      <c r="G28" s="58"/>
      <c r="H28" s="59"/>
      <c r="I28" s="59"/>
      <c r="J28" s="59"/>
      <c r="K28" s="59"/>
      <c r="L28" s="59"/>
      <c r="M28" s="59"/>
      <c r="N28" s="60"/>
    </row>
    <row r="29" spans="1:14" s="32" customFormat="1" ht="13.5" customHeight="1">
      <c r="A29" s="51"/>
      <c r="B29" s="52"/>
      <c r="C29" s="52"/>
      <c r="D29" s="52"/>
      <c r="E29" s="53"/>
      <c r="F29" s="54"/>
      <c r="G29" s="448"/>
      <c r="H29" s="449"/>
      <c r="I29" s="449"/>
      <c r="J29" s="449"/>
      <c r="K29" s="449"/>
      <c r="L29" s="449"/>
      <c r="M29" s="449"/>
      <c r="N29" s="450"/>
    </row>
    <row r="30" spans="1:14" s="32" customFormat="1" ht="13.5" customHeight="1">
      <c r="A30" s="158"/>
      <c r="B30" s="159"/>
      <c r="C30" s="160"/>
      <c r="D30" s="55"/>
      <c r="E30" s="56"/>
      <c r="F30" s="57"/>
      <c r="G30" s="14"/>
      <c r="H30" s="16"/>
      <c r="I30" s="16"/>
      <c r="J30" s="16"/>
      <c r="K30" s="16"/>
      <c r="L30" s="16"/>
      <c r="M30" s="16"/>
      <c r="N30" s="44"/>
    </row>
    <row r="31" spans="1:14" s="32" customFormat="1" ht="13.5" customHeight="1">
      <c r="A31" s="51"/>
      <c r="B31" s="52"/>
      <c r="C31" s="52"/>
      <c r="D31" s="52"/>
      <c r="E31" s="53"/>
      <c r="F31" s="54"/>
      <c r="G31" s="14"/>
      <c r="H31" s="16"/>
      <c r="I31" s="16"/>
      <c r="J31" s="16"/>
      <c r="K31" s="16"/>
      <c r="L31" s="16"/>
      <c r="M31" s="16"/>
      <c r="N31" s="44"/>
    </row>
    <row r="32" spans="1:14" s="32" customFormat="1" ht="13.5" customHeight="1">
      <c r="A32" s="370"/>
      <c r="B32" s="55"/>
      <c r="C32" s="55"/>
      <c r="D32" s="55"/>
      <c r="E32" s="55"/>
      <c r="F32" s="57"/>
      <c r="G32" s="58"/>
      <c r="H32" s="59"/>
      <c r="I32" s="59"/>
      <c r="J32" s="59"/>
      <c r="K32" s="59"/>
      <c r="L32" s="59"/>
      <c r="M32" s="59"/>
      <c r="N32" s="60"/>
    </row>
    <row r="33" spans="1:14" s="32" customFormat="1">
      <c r="A33" s="371"/>
      <c r="B33" s="52"/>
      <c r="C33" s="52"/>
      <c r="D33" s="52"/>
      <c r="E33" s="52"/>
      <c r="F33" s="54"/>
      <c r="G33" s="448"/>
      <c r="H33" s="449"/>
      <c r="I33" s="449"/>
      <c r="J33" s="449"/>
      <c r="K33" s="449"/>
      <c r="L33" s="449"/>
      <c r="M33" s="449"/>
      <c r="N33" s="450"/>
    </row>
    <row r="34" spans="1:14" s="32" customFormat="1">
      <c r="A34" s="374"/>
      <c r="B34" s="55"/>
      <c r="C34" s="55"/>
      <c r="D34" s="55"/>
      <c r="E34" s="55"/>
      <c r="F34" s="57"/>
      <c r="G34" s="14"/>
      <c r="H34" s="16"/>
      <c r="I34" s="16"/>
      <c r="J34" s="16"/>
      <c r="K34" s="16"/>
      <c r="L34" s="16"/>
      <c r="M34" s="16"/>
      <c r="N34" s="44"/>
    </row>
    <row r="35" spans="1:14" s="32" customFormat="1" ht="14.25" thickBot="1">
      <c r="A35" s="372"/>
      <c r="B35" s="373"/>
      <c r="C35" s="373"/>
      <c r="D35" s="373"/>
      <c r="E35" s="373"/>
      <c r="F35" s="61"/>
      <c r="G35" s="62"/>
      <c r="H35" s="63"/>
      <c r="I35" s="63"/>
      <c r="J35" s="63"/>
      <c r="K35" s="63"/>
      <c r="L35" s="63"/>
      <c r="M35" s="63"/>
      <c r="N35" s="64"/>
    </row>
    <row r="36" spans="1:14" s="32" customFormat="1" ht="23.25" customHeight="1">
      <c r="B36" s="548" t="s">
        <v>25</v>
      </c>
      <c r="C36" s="548"/>
      <c r="D36" s="548"/>
      <c r="E36" s="548"/>
      <c r="F36" s="548"/>
      <c r="H36" s="548" t="s">
        <v>26</v>
      </c>
      <c r="I36" s="548"/>
      <c r="J36" s="548"/>
      <c r="K36" s="548"/>
      <c r="L36" s="548"/>
      <c r="M36" s="548"/>
      <c r="N36" s="548"/>
    </row>
  </sheetData>
  <mergeCells count="29">
    <mergeCell ref="B18:F18"/>
    <mergeCell ref="B36:F36"/>
    <mergeCell ref="H36:N36"/>
    <mergeCell ref="G27:N27"/>
    <mergeCell ref="H15:I15"/>
    <mergeCell ref="G26:N26"/>
    <mergeCell ref="G22:N22"/>
    <mergeCell ref="G24:N24"/>
    <mergeCell ref="G25:N25"/>
    <mergeCell ref="G23:N23"/>
    <mergeCell ref="C15:D15"/>
    <mergeCell ref="E15:G15"/>
    <mergeCell ref="A1:A2"/>
    <mergeCell ref="C11:D12"/>
    <mergeCell ref="E11:E12"/>
    <mergeCell ref="F11:F12"/>
    <mergeCell ref="H11:I11"/>
    <mergeCell ref="A6:A7"/>
    <mergeCell ref="C6:H7"/>
    <mergeCell ref="E1:J2"/>
    <mergeCell ref="A8:A9"/>
    <mergeCell ref="C8:I9"/>
    <mergeCell ref="A11:A12"/>
    <mergeCell ref="B11:B12"/>
    <mergeCell ref="K1:N2"/>
    <mergeCell ref="C3:D5"/>
    <mergeCell ref="F3:G5"/>
    <mergeCell ref="I3:J5"/>
    <mergeCell ref="L3:N5"/>
  </mergeCells>
  <phoneticPr fontId="3"/>
  <printOptions horizontalCentered="1" verticalCentered="1"/>
  <pageMargins left="0.70866141732283472" right="0.70866141732283472" top="0.74803149606299213" bottom="0.74803149606299213" header="0.31496062992125984" footer="0.31496062992125984"/>
  <pageSetup paperSize="9" orientation="landscape" horizontalDpi="4294967292" verticalDpi="1200" r:id="rId1"/>
  <colBreaks count="1" manualBreakCount="1">
    <brk id="14"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66"/>
  </sheetPr>
  <dimension ref="A1:O41"/>
  <sheetViews>
    <sheetView showGridLines="0" view="pageBreakPreview" zoomScale="85" zoomScaleNormal="100" zoomScaleSheetLayoutView="85" workbookViewId="0">
      <selection activeCell="H8" sqref="H8"/>
    </sheetView>
  </sheetViews>
  <sheetFormatPr defaultRowHeight="13.5"/>
  <cols>
    <col min="1" max="1" width="16.5" style="451" customWidth="1"/>
    <col min="2" max="3" width="20.75" style="451" customWidth="1"/>
    <col min="4" max="4" width="26" style="451" customWidth="1"/>
    <col min="5" max="5" width="6.375" style="451" customWidth="1"/>
    <col min="6" max="6" width="9.5" style="451" customWidth="1"/>
    <col min="7" max="7" width="11" style="451" customWidth="1"/>
    <col min="8" max="8" width="15.75" style="451" customWidth="1"/>
    <col min="9" max="9" width="27.75" style="451" customWidth="1"/>
    <col min="10" max="10" width="13.625" style="451" customWidth="1"/>
    <col min="11" max="11" width="16.375" style="451" customWidth="1"/>
    <col min="12" max="12" width="11.5" style="451" customWidth="1"/>
    <col min="13" max="16384" width="9" style="451"/>
  </cols>
  <sheetData>
    <row r="1" spans="1:12" ht="14.25">
      <c r="A1" s="65" t="s">
        <v>27</v>
      </c>
      <c r="B1" s="65" t="s">
        <v>367</v>
      </c>
      <c r="C1" s="65"/>
      <c r="D1" s="66"/>
      <c r="E1" s="67"/>
      <c r="F1" s="67"/>
      <c r="G1" s="68"/>
      <c r="H1" s="68"/>
      <c r="I1" s="68"/>
      <c r="J1" s="68"/>
      <c r="K1" s="65"/>
      <c r="L1" s="65"/>
    </row>
    <row r="2" spans="1:12" ht="15" thickBot="1">
      <c r="A2" s="65" t="s">
        <v>28</v>
      </c>
      <c r="B2" s="65" t="s">
        <v>368</v>
      </c>
      <c r="C2" s="65"/>
      <c r="D2" s="65"/>
      <c r="E2" s="67"/>
      <c r="F2" s="67"/>
      <c r="G2" s="68"/>
      <c r="H2" s="68"/>
      <c r="I2" s="68"/>
      <c r="J2" s="68"/>
      <c r="K2" s="65"/>
      <c r="L2" s="65"/>
    </row>
    <row r="3" spans="1:12" ht="21">
      <c r="A3" s="69"/>
      <c r="B3" s="70"/>
      <c r="C3" s="70"/>
      <c r="D3" s="561" t="s">
        <v>29</v>
      </c>
      <c r="E3" s="561"/>
      <c r="F3" s="561"/>
      <c r="G3" s="71"/>
      <c r="H3" s="155" t="s">
        <v>48</v>
      </c>
      <c r="I3" s="72"/>
      <c r="J3" s="72"/>
      <c r="K3" s="72"/>
      <c r="L3" s="73"/>
    </row>
    <row r="4" spans="1:12" ht="14.25">
      <c r="A4" s="74" t="s">
        <v>30</v>
      </c>
      <c r="B4" s="75" t="s">
        <v>31</v>
      </c>
      <c r="C4" s="76" t="s">
        <v>32</v>
      </c>
      <c r="D4" s="76" t="s">
        <v>33</v>
      </c>
      <c r="E4" s="76" t="s">
        <v>34</v>
      </c>
      <c r="F4" s="76" t="s">
        <v>35</v>
      </c>
      <c r="G4" s="77" t="s">
        <v>36</v>
      </c>
      <c r="H4" s="77" t="s">
        <v>37</v>
      </c>
      <c r="I4" s="562" t="s">
        <v>38</v>
      </c>
      <c r="J4" s="563"/>
      <c r="K4" s="563"/>
      <c r="L4" s="78"/>
    </row>
    <row r="5" spans="1:12" ht="14.25">
      <c r="A5" s="79"/>
      <c r="B5" s="80"/>
      <c r="C5" s="80"/>
      <c r="D5" s="81"/>
      <c r="E5" s="82"/>
      <c r="F5" s="82"/>
      <c r="G5" s="83"/>
      <c r="H5" s="84"/>
      <c r="I5" s="85"/>
      <c r="J5" s="86"/>
      <c r="K5" s="86"/>
      <c r="L5" s="87"/>
    </row>
    <row r="6" spans="1:12" ht="14.25">
      <c r="A6" s="88"/>
      <c r="B6" s="89"/>
      <c r="C6" s="89"/>
      <c r="D6" s="90"/>
      <c r="E6" s="91"/>
      <c r="F6" s="91"/>
      <c r="G6" s="92"/>
      <c r="H6" s="93"/>
      <c r="I6" s="94"/>
      <c r="J6" s="95"/>
      <c r="K6" s="96"/>
      <c r="L6" s="97"/>
    </row>
    <row r="7" spans="1:12" ht="14.25">
      <c r="A7" s="98" t="s">
        <v>94</v>
      </c>
      <c r="B7" s="99"/>
      <c r="C7" s="99"/>
      <c r="D7" s="100"/>
      <c r="E7" s="101" t="s">
        <v>67</v>
      </c>
      <c r="F7" s="101">
        <v>1</v>
      </c>
      <c r="G7" s="102"/>
      <c r="H7" s="380"/>
      <c r="I7" s="452"/>
      <c r="J7" s="103"/>
      <c r="K7" s="103"/>
      <c r="L7" s="104"/>
    </row>
    <row r="8" spans="1:12" ht="14.25">
      <c r="A8" s="88"/>
      <c r="B8" s="89"/>
      <c r="C8" s="89"/>
      <c r="D8" s="90"/>
      <c r="E8" s="91"/>
      <c r="F8" s="91"/>
      <c r="G8" s="92"/>
      <c r="H8" s="105"/>
      <c r="I8" s="453"/>
      <c r="J8" s="96"/>
      <c r="K8" s="96"/>
      <c r="L8" s="87"/>
    </row>
    <row r="9" spans="1:12" ht="14.25">
      <c r="A9" s="88"/>
      <c r="B9" s="89"/>
      <c r="C9" s="89"/>
      <c r="D9" s="90"/>
      <c r="E9" s="91"/>
      <c r="F9" s="91"/>
      <c r="G9" s="92"/>
      <c r="H9" s="105"/>
      <c r="I9" s="453"/>
      <c r="J9" s="96"/>
      <c r="K9" s="96"/>
      <c r="L9" s="97"/>
    </row>
    <row r="10" spans="1:12" ht="14.25">
      <c r="A10" s="106" t="s">
        <v>49</v>
      </c>
      <c r="B10" s="107"/>
      <c r="C10" s="107"/>
      <c r="D10" s="90"/>
      <c r="E10" s="101" t="s">
        <v>67</v>
      </c>
      <c r="F10" s="101">
        <v>1</v>
      </c>
      <c r="G10" s="92"/>
      <c r="H10" s="105"/>
      <c r="I10" s="453"/>
      <c r="J10" s="96"/>
      <c r="K10" s="96"/>
      <c r="L10" s="104"/>
    </row>
    <row r="11" spans="1:12" ht="14.25">
      <c r="A11" s="79"/>
      <c r="B11" s="80"/>
      <c r="C11" s="80"/>
      <c r="D11" s="81"/>
      <c r="E11" s="82"/>
      <c r="F11" s="82"/>
      <c r="G11" s="83"/>
      <c r="H11" s="84"/>
      <c r="I11" s="108"/>
      <c r="J11" s="109"/>
      <c r="K11" s="86"/>
      <c r="L11" s="87"/>
    </row>
    <row r="12" spans="1:12" ht="14.25">
      <c r="A12" s="88"/>
      <c r="B12" s="89"/>
      <c r="C12" s="89"/>
      <c r="D12" s="90"/>
      <c r="E12" s="91"/>
      <c r="F12" s="91"/>
      <c r="G12" s="92"/>
      <c r="H12" s="110"/>
      <c r="I12" s="454"/>
      <c r="J12" s="455"/>
      <c r="K12" s="456"/>
      <c r="L12" s="97"/>
    </row>
    <row r="13" spans="1:12" ht="14.25">
      <c r="A13" s="111"/>
      <c r="B13" s="112" t="s">
        <v>95</v>
      </c>
      <c r="C13" s="99"/>
      <c r="D13" s="100"/>
      <c r="E13" s="101"/>
      <c r="F13" s="101"/>
      <c r="G13" s="102"/>
      <c r="H13" s="113"/>
      <c r="I13" s="114"/>
      <c r="J13" s="115"/>
      <c r="K13" s="116"/>
      <c r="L13" s="104"/>
    </row>
    <row r="14" spans="1:12" ht="14.25">
      <c r="A14" s="79"/>
      <c r="B14" s="80"/>
      <c r="C14" s="80"/>
      <c r="D14" s="81"/>
      <c r="E14" s="82"/>
      <c r="F14" s="82"/>
      <c r="G14" s="83"/>
      <c r="H14" s="83"/>
      <c r="I14" s="108"/>
      <c r="J14" s="109"/>
      <c r="K14" s="86"/>
      <c r="L14" s="87"/>
    </row>
    <row r="15" spans="1:12" ht="14.25">
      <c r="A15" s="88"/>
      <c r="B15" s="89"/>
      <c r="C15" s="89"/>
      <c r="D15" s="90"/>
      <c r="E15" s="91"/>
      <c r="F15" s="91"/>
      <c r="G15" s="92"/>
      <c r="H15" s="117"/>
      <c r="I15" s="457"/>
      <c r="J15" s="458"/>
      <c r="K15" s="459"/>
      <c r="L15" s="97"/>
    </row>
    <row r="16" spans="1:12" ht="14.25">
      <c r="A16" s="118"/>
      <c r="B16" s="112" t="s">
        <v>96</v>
      </c>
      <c r="C16" s="119"/>
      <c r="D16" s="100"/>
      <c r="E16" s="101"/>
      <c r="F16" s="101"/>
      <c r="G16" s="102"/>
      <c r="H16" s="113"/>
      <c r="I16" s="120"/>
      <c r="J16" s="121"/>
      <c r="K16" s="122"/>
      <c r="L16" s="104"/>
    </row>
    <row r="17" spans="1:15" ht="14.25">
      <c r="A17" s="106"/>
      <c r="B17" s="107"/>
      <c r="C17" s="107"/>
      <c r="D17" s="90"/>
      <c r="E17" s="91"/>
      <c r="F17" s="91"/>
      <c r="G17" s="92"/>
      <c r="H17" s="117"/>
      <c r="I17" s="453"/>
      <c r="J17" s="123"/>
      <c r="K17" s="124"/>
      <c r="L17" s="87"/>
    </row>
    <row r="18" spans="1:15" ht="14.25">
      <c r="A18" s="106"/>
      <c r="B18" s="107"/>
      <c r="C18" s="107"/>
      <c r="D18" s="90"/>
      <c r="E18" s="91"/>
      <c r="F18" s="91"/>
      <c r="G18" s="92"/>
      <c r="H18" s="117"/>
      <c r="I18" s="125"/>
      <c r="J18" s="123"/>
      <c r="K18" s="124"/>
      <c r="L18" s="97"/>
    </row>
    <row r="19" spans="1:15" ht="14.25">
      <c r="A19" s="106" t="s">
        <v>97</v>
      </c>
      <c r="B19" s="107"/>
      <c r="C19" s="107"/>
      <c r="D19" s="90"/>
      <c r="E19" s="101" t="s">
        <v>67</v>
      </c>
      <c r="F19" s="101">
        <v>1</v>
      </c>
      <c r="G19" s="92"/>
      <c r="H19" s="117"/>
      <c r="I19" s="125"/>
      <c r="J19" s="123"/>
      <c r="K19" s="124"/>
      <c r="L19" s="104"/>
    </row>
    <row r="20" spans="1:15" ht="14.25">
      <c r="A20" s="79"/>
      <c r="B20" s="80"/>
      <c r="C20" s="80"/>
      <c r="D20" s="81"/>
      <c r="E20" s="82"/>
      <c r="F20" s="82"/>
      <c r="G20" s="83"/>
      <c r="H20" s="126"/>
      <c r="I20" s="108"/>
      <c r="J20" s="109"/>
      <c r="K20" s="86"/>
      <c r="L20" s="87"/>
    </row>
    <row r="21" spans="1:15" ht="14.25">
      <c r="A21" s="88"/>
      <c r="B21" s="89"/>
      <c r="C21" s="89"/>
      <c r="D21" s="90"/>
      <c r="E21" s="91"/>
      <c r="F21" s="91"/>
      <c r="G21" s="92"/>
      <c r="H21" s="117"/>
      <c r="I21" s="454"/>
      <c r="J21" s="455"/>
      <c r="K21" s="456"/>
      <c r="L21" s="97"/>
    </row>
    <row r="22" spans="1:15" ht="14.25">
      <c r="A22" s="111"/>
      <c r="B22" s="112" t="s">
        <v>98</v>
      </c>
      <c r="C22" s="112"/>
      <c r="D22" s="100"/>
      <c r="E22" s="101"/>
      <c r="F22" s="101"/>
      <c r="G22" s="102"/>
      <c r="H22" s="113"/>
      <c r="I22" s="114"/>
      <c r="J22" s="115"/>
      <c r="K22" s="116"/>
      <c r="L22" s="104"/>
    </row>
    <row r="23" spans="1:15" ht="14.25">
      <c r="A23" s="79"/>
      <c r="B23" s="80"/>
      <c r="C23" s="80"/>
      <c r="D23" s="81"/>
      <c r="E23" s="82"/>
      <c r="F23" s="82"/>
      <c r="G23" s="83"/>
      <c r="H23" s="126"/>
      <c r="I23" s="108"/>
      <c r="J23" s="109"/>
      <c r="K23" s="86"/>
      <c r="L23" s="87"/>
    </row>
    <row r="24" spans="1:15" ht="14.25">
      <c r="A24" s="88"/>
      <c r="B24" s="89"/>
      <c r="C24" s="89"/>
      <c r="D24" s="90"/>
      <c r="E24" s="91"/>
      <c r="F24" s="91"/>
      <c r="G24" s="92"/>
      <c r="H24" s="117"/>
      <c r="I24" s="460"/>
      <c r="J24" s="458"/>
      <c r="K24" s="461"/>
      <c r="L24" s="97"/>
    </row>
    <row r="25" spans="1:15" ht="14.25">
      <c r="A25" s="98"/>
      <c r="B25" s="119" t="s">
        <v>99</v>
      </c>
      <c r="C25" s="99"/>
      <c r="D25" s="100"/>
      <c r="E25" s="101"/>
      <c r="F25" s="101"/>
      <c r="G25" s="102"/>
      <c r="H25" s="113"/>
      <c r="I25" s="120"/>
      <c r="J25" s="127"/>
      <c r="K25" s="128"/>
      <c r="L25" s="104"/>
    </row>
    <row r="26" spans="1:15" ht="14.25">
      <c r="A26" s="79"/>
      <c r="B26" s="80"/>
      <c r="C26" s="80"/>
      <c r="D26" s="129"/>
      <c r="E26" s="82"/>
      <c r="F26" s="82"/>
      <c r="G26" s="83"/>
      <c r="H26" s="126"/>
      <c r="I26" s="108"/>
      <c r="J26" s="109"/>
      <c r="K26" s="86"/>
      <c r="L26" s="87"/>
    </row>
    <row r="27" spans="1:15" ht="14.25">
      <c r="A27" s="88"/>
      <c r="B27" s="89"/>
      <c r="C27" s="89"/>
      <c r="D27" s="90"/>
      <c r="E27" s="91"/>
      <c r="F27" s="91"/>
      <c r="G27" s="92"/>
      <c r="H27" s="117"/>
      <c r="I27" s="460"/>
      <c r="J27" s="458"/>
      <c r="K27" s="462"/>
      <c r="L27" s="97"/>
    </row>
    <row r="28" spans="1:15" ht="14.25">
      <c r="A28" s="98" t="s">
        <v>100</v>
      </c>
      <c r="B28" s="119"/>
      <c r="C28" s="99"/>
      <c r="D28" s="100"/>
      <c r="E28" s="101" t="s">
        <v>67</v>
      </c>
      <c r="F28" s="101">
        <v>1</v>
      </c>
      <c r="G28" s="102"/>
      <c r="H28" s="113"/>
      <c r="I28" s="120"/>
      <c r="J28" s="121"/>
      <c r="K28" s="122"/>
      <c r="L28" s="104"/>
      <c r="N28" s="165"/>
      <c r="O28" s="165"/>
    </row>
    <row r="29" spans="1:15" ht="14.25">
      <c r="A29" s="79"/>
      <c r="B29" s="80"/>
      <c r="C29" s="80"/>
      <c r="D29" s="129"/>
      <c r="E29" s="82"/>
      <c r="F29" s="82"/>
      <c r="G29" s="83"/>
      <c r="H29" s="126"/>
      <c r="I29" s="108"/>
      <c r="J29" s="109"/>
      <c r="K29" s="86"/>
      <c r="L29" s="87"/>
      <c r="N29" s="463"/>
      <c r="O29" s="463"/>
    </row>
    <row r="30" spans="1:15">
      <c r="A30" s="88"/>
      <c r="B30" s="89"/>
      <c r="C30" s="89"/>
      <c r="D30" s="90"/>
      <c r="E30" s="91"/>
      <c r="F30" s="91"/>
      <c r="G30" s="92"/>
      <c r="H30" s="117"/>
      <c r="I30" s="454"/>
      <c r="J30" s="455"/>
      <c r="K30" s="456"/>
      <c r="L30" s="464"/>
      <c r="M30" s="463"/>
      <c r="N30" s="465"/>
      <c r="O30" s="466"/>
    </row>
    <row r="31" spans="1:15">
      <c r="A31" s="130"/>
      <c r="B31" s="112" t="s">
        <v>101</v>
      </c>
      <c r="C31" s="112"/>
      <c r="D31" s="100"/>
      <c r="E31" s="101"/>
      <c r="F31" s="101"/>
      <c r="G31" s="102"/>
      <c r="H31" s="113"/>
      <c r="I31" s="131"/>
      <c r="J31" s="381"/>
      <c r="K31" s="153"/>
      <c r="L31" s="156"/>
      <c r="M31" s="463"/>
      <c r="N31" s="465"/>
      <c r="O31" s="467"/>
    </row>
    <row r="32" spans="1:15" ht="14.25">
      <c r="A32" s="132"/>
      <c r="B32" s="133"/>
      <c r="C32" s="133"/>
      <c r="D32" s="81"/>
      <c r="E32" s="82"/>
      <c r="F32" s="82"/>
      <c r="G32" s="83"/>
      <c r="H32" s="84"/>
      <c r="I32" s="453"/>
      <c r="J32" s="109"/>
      <c r="K32" s="86"/>
      <c r="L32" s="87"/>
    </row>
    <row r="33" spans="1:12">
      <c r="A33" s="88"/>
      <c r="B33" s="89"/>
      <c r="C33" s="89"/>
      <c r="D33" s="90"/>
      <c r="E33" s="91"/>
      <c r="F33" s="91"/>
      <c r="G33" s="92"/>
      <c r="H33" s="117"/>
      <c r="I33" s="460"/>
      <c r="J33" s="458"/>
      <c r="K33" s="461"/>
      <c r="L33" s="468"/>
    </row>
    <row r="34" spans="1:12">
      <c r="A34" s="111" t="s">
        <v>102</v>
      </c>
      <c r="B34" s="99"/>
      <c r="C34" s="99"/>
      <c r="D34" s="100"/>
      <c r="E34" s="101" t="s">
        <v>67</v>
      </c>
      <c r="F34" s="101">
        <v>1</v>
      </c>
      <c r="G34" s="102"/>
      <c r="H34" s="113"/>
      <c r="I34" s="120"/>
      <c r="J34" s="127"/>
      <c r="K34" s="134"/>
      <c r="L34" s="135"/>
    </row>
    <row r="35" spans="1:12" ht="14.25">
      <c r="A35" s="79"/>
      <c r="B35" s="80"/>
      <c r="C35" s="80"/>
      <c r="D35" s="81"/>
      <c r="E35" s="82"/>
      <c r="F35" s="82"/>
      <c r="G35" s="83"/>
      <c r="H35" s="83"/>
      <c r="I35" s="108"/>
      <c r="J35" s="109"/>
      <c r="K35" s="136"/>
      <c r="L35" s="87"/>
    </row>
    <row r="36" spans="1:12" ht="14.25">
      <c r="A36" s="88"/>
      <c r="B36" s="89"/>
      <c r="C36" s="89"/>
      <c r="D36" s="90"/>
      <c r="E36" s="91"/>
      <c r="F36" s="91"/>
      <c r="G36" s="92"/>
      <c r="H36" s="92"/>
      <c r="I36" s="469"/>
      <c r="J36" s="137"/>
      <c r="K36" s="124"/>
      <c r="L36" s="97"/>
    </row>
    <row r="37" spans="1:12" ht="14.25">
      <c r="A37" s="111"/>
      <c r="B37" s="99"/>
      <c r="C37" s="99"/>
      <c r="D37" s="138"/>
      <c r="E37" s="101"/>
      <c r="F37" s="101"/>
      <c r="G37" s="102"/>
      <c r="H37" s="113"/>
      <c r="I37" s="139"/>
      <c r="J37" s="150"/>
      <c r="K37" s="122"/>
      <c r="L37" s="104"/>
    </row>
    <row r="38" spans="1:12" ht="14.25">
      <c r="A38" s="79"/>
      <c r="B38" s="80"/>
      <c r="C38" s="80"/>
      <c r="D38" s="129"/>
      <c r="E38" s="82"/>
      <c r="F38" s="82"/>
      <c r="G38" s="83"/>
      <c r="H38" s="83"/>
      <c r="I38" s="108"/>
      <c r="J38" s="109"/>
      <c r="K38" s="86"/>
      <c r="L38" s="87"/>
    </row>
    <row r="39" spans="1:12" ht="14.25">
      <c r="A39" s="88"/>
      <c r="B39" s="89"/>
      <c r="C39" s="89"/>
      <c r="D39" s="90"/>
      <c r="E39" s="91"/>
      <c r="F39" s="91"/>
      <c r="G39" s="92"/>
      <c r="H39" s="92"/>
      <c r="I39" s="460"/>
      <c r="J39" s="470"/>
      <c r="K39" s="140"/>
      <c r="L39" s="97"/>
    </row>
    <row r="40" spans="1:12" ht="15" thickBot="1">
      <c r="A40" s="141"/>
      <c r="B40" s="142"/>
      <c r="C40" s="142"/>
      <c r="D40" s="143"/>
      <c r="E40" s="144"/>
      <c r="F40" s="144"/>
      <c r="G40" s="145"/>
      <c r="H40" s="154"/>
      <c r="I40" s="146"/>
      <c r="J40" s="147"/>
      <c r="K40" s="148"/>
      <c r="L40" s="149"/>
    </row>
    <row r="41" spans="1:12" ht="14.25">
      <c r="A41" s="65"/>
      <c r="B41" s="65"/>
      <c r="C41" s="65"/>
      <c r="D41" s="65"/>
      <c r="E41" s="67"/>
      <c r="F41" s="67"/>
      <c r="G41" s="68"/>
      <c r="H41" s="68"/>
      <c r="I41" s="68"/>
      <c r="J41" s="68"/>
      <c r="K41" s="65"/>
      <c r="L41" s="65"/>
    </row>
  </sheetData>
  <mergeCells count="2">
    <mergeCell ref="D3:F3"/>
    <mergeCell ref="I4:K4"/>
  </mergeCells>
  <phoneticPr fontId="3"/>
  <dataValidations count="2">
    <dataValidation type="list" allowBlank="1" showInputMessage="1" showErrorMessage="1" sqref="K31">
      <formula1>$N$30:$N$31</formula1>
    </dataValidation>
    <dataValidation type="list" allowBlank="1" showInputMessage="1" showErrorMessage="1" sqref="L31">
      <formula1>$O$30:$O$31</formula1>
    </dataValidation>
  </dataValidations>
  <printOptions horizontalCentered="1" verticalCentered="1"/>
  <pageMargins left="0.70866141732283472" right="0.70866141732283472" top="0.74803149606299213" bottom="0.74803149606299213" header="0.31496062992125984" footer="0.31496062992125984"/>
  <pageSetup paperSize="9" scale="68" orientation="landscape" horizontalDpi="4294967294" r:id="rId1"/>
  <colBreaks count="1" manualBreakCount="1">
    <brk id="12" max="1048575"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66"/>
  </sheetPr>
  <dimension ref="A1:I81"/>
  <sheetViews>
    <sheetView showGridLines="0" view="pageBreakPreview" zoomScale="115" zoomScaleNormal="120" zoomScaleSheetLayoutView="115" workbookViewId="0">
      <selection activeCell="H28" sqref="H28"/>
    </sheetView>
  </sheetViews>
  <sheetFormatPr defaultRowHeight="13.5"/>
  <cols>
    <col min="1" max="2" width="8.625" style="451" customWidth="1"/>
    <col min="3" max="4" width="15.625" style="451" customWidth="1"/>
    <col min="5" max="6" width="6.625" style="451" customWidth="1"/>
    <col min="7" max="8" width="9.125" style="451" customWidth="1"/>
    <col min="9" max="9" width="15.625" style="451" customWidth="1"/>
    <col min="10" max="16384" width="9" style="451"/>
  </cols>
  <sheetData>
    <row r="1" spans="1:9" s="165" customFormat="1" ht="30" customHeight="1">
      <c r="A1" s="161" t="s">
        <v>57</v>
      </c>
      <c r="B1" s="162" t="s">
        <v>58</v>
      </c>
      <c r="C1" s="162" t="s">
        <v>59</v>
      </c>
      <c r="D1" s="162" t="s">
        <v>60</v>
      </c>
      <c r="E1" s="162" t="s">
        <v>61</v>
      </c>
      <c r="F1" s="162" t="s">
        <v>62</v>
      </c>
      <c r="G1" s="162" t="s">
        <v>63</v>
      </c>
      <c r="H1" s="163" t="s">
        <v>64</v>
      </c>
      <c r="I1" s="164" t="s">
        <v>65</v>
      </c>
    </row>
    <row r="2" spans="1:9" s="173" customFormat="1" ht="9.9499999999999993" customHeight="1">
      <c r="A2" s="166"/>
      <c r="B2" s="167"/>
      <c r="C2" s="167"/>
      <c r="D2" s="167"/>
      <c r="E2" s="168"/>
      <c r="F2" s="169"/>
      <c r="G2" s="170"/>
      <c r="H2" s="171"/>
      <c r="I2" s="172"/>
    </row>
    <row r="3" spans="1:9" s="173" customFormat="1" ht="9.9499999999999993" customHeight="1">
      <c r="A3" s="174"/>
      <c r="B3" s="175"/>
      <c r="C3" s="175"/>
      <c r="D3" s="175"/>
      <c r="E3" s="176"/>
      <c r="F3" s="177"/>
      <c r="G3" s="178"/>
      <c r="H3" s="179"/>
      <c r="I3" s="180"/>
    </row>
    <row r="4" spans="1:9" s="188" customFormat="1" ht="9.9499999999999993" customHeight="1">
      <c r="A4" s="181" t="s">
        <v>50</v>
      </c>
      <c r="B4" s="182"/>
      <c r="C4" s="182"/>
      <c r="D4" s="182"/>
      <c r="E4" s="183"/>
      <c r="F4" s="184"/>
      <c r="G4" s="185"/>
      <c r="H4" s="186"/>
      <c r="I4" s="187"/>
    </row>
    <row r="5" spans="1:9" s="173" customFormat="1" ht="9.9499999999999993" customHeight="1">
      <c r="A5" s="189"/>
      <c r="B5" s="167"/>
      <c r="C5" s="167"/>
      <c r="D5" s="167"/>
      <c r="E5" s="168"/>
      <c r="F5" s="169"/>
      <c r="G5" s="170"/>
      <c r="H5" s="171"/>
      <c r="I5" s="172"/>
    </row>
    <row r="6" spans="1:9" s="173" customFormat="1" ht="9.9499999999999993" customHeight="1">
      <c r="A6" s="190"/>
      <c r="B6" s="175"/>
      <c r="C6" s="175"/>
      <c r="D6" s="175"/>
      <c r="E6" s="176"/>
      <c r="F6" s="177"/>
      <c r="G6" s="178"/>
      <c r="H6" s="179"/>
      <c r="I6" s="180"/>
    </row>
    <row r="7" spans="1:9" s="188" customFormat="1" ht="9.9499999999999993" customHeight="1">
      <c r="A7" s="181"/>
      <c r="B7" s="182" t="s">
        <v>66</v>
      </c>
      <c r="C7" s="182"/>
      <c r="D7" s="182"/>
      <c r="E7" s="183"/>
      <c r="F7" s="184"/>
      <c r="G7" s="191"/>
      <c r="H7" s="192"/>
      <c r="I7" s="187"/>
    </row>
    <row r="8" spans="1:9" s="188" customFormat="1" ht="9.9499999999999993" customHeight="1">
      <c r="A8" s="166"/>
      <c r="B8" s="167"/>
      <c r="C8" s="167"/>
      <c r="D8" s="167"/>
      <c r="E8" s="168"/>
      <c r="F8" s="169"/>
      <c r="G8" s="170"/>
      <c r="H8" s="171"/>
      <c r="I8" s="172"/>
    </row>
    <row r="9" spans="1:9" s="188" customFormat="1" ht="9.9499999999999993" customHeight="1">
      <c r="A9" s="174"/>
      <c r="B9" s="175"/>
      <c r="C9" s="175"/>
      <c r="D9" s="175"/>
      <c r="E9" s="176"/>
      <c r="F9" s="177"/>
      <c r="G9" s="178"/>
      <c r="H9" s="179"/>
      <c r="I9" s="180"/>
    </row>
    <row r="10" spans="1:9" s="188" customFormat="1" ht="9.9499999999999993" customHeight="1">
      <c r="A10" s="181"/>
      <c r="B10" s="182"/>
      <c r="C10" s="182" t="s">
        <v>66</v>
      </c>
      <c r="D10" s="182"/>
      <c r="E10" s="183" t="s">
        <v>67</v>
      </c>
      <c r="F10" s="193">
        <v>1</v>
      </c>
      <c r="G10" s="185"/>
      <c r="H10" s="186"/>
      <c r="I10" s="194" t="s">
        <v>68</v>
      </c>
    </row>
    <row r="11" spans="1:9" s="188" customFormat="1" ht="9.9499999999999993" customHeight="1">
      <c r="A11" s="166"/>
      <c r="B11" s="167"/>
      <c r="C11" s="167"/>
      <c r="D11" s="167"/>
      <c r="E11" s="168"/>
      <c r="F11" s="169"/>
      <c r="G11" s="170"/>
      <c r="H11" s="171"/>
      <c r="I11" s="172"/>
    </row>
    <row r="12" spans="1:9" s="188" customFormat="1" ht="9.9499999999999993" customHeight="1">
      <c r="A12" s="174"/>
      <c r="B12" s="175"/>
      <c r="C12" s="175"/>
      <c r="D12" s="175"/>
      <c r="E12" s="176"/>
      <c r="F12" s="177"/>
      <c r="G12" s="178"/>
      <c r="H12" s="179"/>
      <c r="I12" s="180"/>
    </row>
    <row r="13" spans="1:9" s="188" customFormat="1" ht="9.9499999999999993" customHeight="1">
      <c r="A13" s="181"/>
      <c r="B13" s="182" t="s">
        <v>69</v>
      </c>
      <c r="C13" s="182"/>
      <c r="D13" s="182"/>
      <c r="E13" s="183"/>
      <c r="F13" s="184"/>
      <c r="G13" s="185"/>
      <c r="H13" s="195"/>
      <c r="I13" s="187"/>
    </row>
    <row r="14" spans="1:9" s="173" customFormat="1" ht="9.9499999999999993" customHeight="1">
      <c r="A14" s="166"/>
      <c r="B14" s="167"/>
      <c r="C14" s="167"/>
      <c r="D14" s="167"/>
      <c r="E14" s="168"/>
      <c r="F14" s="169"/>
      <c r="G14" s="170"/>
      <c r="H14" s="171"/>
      <c r="I14" s="172"/>
    </row>
    <row r="15" spans="1:9" s="173" customFormat="1" ht="9.9499999999999993" customHeight="1">
      <c r="A15" s="174"/>
      <c r="B15" s="175"/>
      <c r="C15" s="175"/>
      <c r="D15" s="175"/>
      <c r="E15" s="176"/>
      <c r="F15" s="177"/>
      <c r="G15" s="178"/>
      <c r="H15" s="179"/>
      <c r="I15" s="180"/>
    </row>
    <row r="16" spans="1:9" s="188" customFormat="1" ht="9.9499999999999993" customHeight="1">
      <c r="A16" s="196"/>
      <c r="B16" s="182"/>
      <c r="C16" s="182"/>
      <c r="D16" s="182"/>
      <c r="E16" s="183"/>
      <c r="F16" s="184"/>
      <c r="G16" s="185"/>
      <c r="H16" s="186"/>
      <c r="I16" s="187"/>
    </row>
    <row r="17" spans="1:9" s="173" customFormat="1" ht="9.9499999999999993" customHeight="1">
      <c r="A17" s="166"/>
      <c r="B17" s="167"/>
      <c r="C17" s="167"/>
      <c r="D17" s="167"/>
      <c r="E17" s="168"/>
      <c r="F17" s="169"/>
      <c r="G17" s="170"/>
      <c r="H17" s="171"/>
      <c r="I17" s="172"/>
    </row>
    <row r="18" spans="1:9" s="173" customFormat="1" ht="9.9499999999999993" customHeight="1">
      <c r="A18" s="174"/>
      <c r="B18" s="175"/>
      <c r="C18" s="175"/>
      <c r="D18" s="175"/>
      <c r="E18" s="176"/>
      <c r="F18" s="177"/>
      <c r="G18" s="178"/>
      <c r="H18" s="179"/>
      <c r="I18" s="180"/>
    </row>
    <row r="19" spans="1:9" s="188" customFormat="1" ht="9.9499999999999993" customHeight="1">
      <c r="A19" s="181"/>
      <c r="B19" s="182" t="s">
        <v>70</v>
      </c>
      <c r="C19" s="182"/>
      <c r="D19" s="182"/>
      <c r="E19" s="183"/>
      <c r="F19" s="184"/>
      <c r="G19" s="191"/>
      <c r="H19" s="192"/>
      <c r="I19" s="187"/>
    </row>
    <row r="20" spans="1:9" s="188" customFormat="1" ht="9.9499999999999993" customHeight="1">
      <c r="A20" s="197"/>
      <c r="B20" s="167"/>
      <c r="C20" s="167"/>
      <c r="D20" s="167"/>
      <c r="E20" s="168"/>
      <c r="F20" s="169"/>
      <c r="G20" s="170"/>
      <c r="H20" s="171"/>
      <c r="I20" s="172"/>
    </row>
    <row r="21" spans="1:9" s="188" customFormat="1" ht="9.9499999999999993" customHeight="1">
      <c r="A21" s="197"/>
      <c r="B21" s="175"/>
      <c r="C21" s="175"/>
      <c r="D21" s="175"/>
      <c r="E21" s="176"/>
      <c r="F21" s="177"/>
      <c r="G21" s="178"/>
      <c r="H21" s="179"/>
      <c r="I21" s="180"/>
    </row>
    <row r="22" spans="1:9" s="188" customFormat="1" ht="9.9499999999999993" customHeight="1">
      <c r="A22" s="197"/>
      <c r="B22" s="182"/>
      <c r="C22" s="182" t="s">
        <v>70</v>
      </c>
      <c r="D22" s="182"/>
      <c r="E22" s="183" t="s">
        <v>67</v>
      </c>
      <c r="F22" s="193">
        <v>1</v>
      </c>
      <c r="G22" s="185"/>
      <c r="H22" s="186"/>
      <c r="I22" s="194" t="s">
        <v>71</v>
      </c>
    </row>
    <row r="23" spans="1:9" s="173" customFormat="1" ht="9.9499999999999993" customHeight="1">
      <c r="A23" s="166"/>
      <c r="B23" s="167"/>
      <c r="C23" s="167"/>
      <c r="D23" s="167"/>
      <c r="E23" s="168"/>
      <c r="F23" s="169"/>
      <c r="G23" s="170"/>
      <c r="H23" s="171"/>
      <c r="I23" s="172"/>
    </row>
    <row r="24" spans="1:9" s="173" customFormat="1" ht="9.9499999999999993" customHeight="1">
      <c r="A24" s="174"/>
      <c r="B24" s="175"/>
      <c r="C24" s="175"/>
      <c r="D24" s="175"/>
      <c r="E24" s="176"/>
      <c r="F24" s="177"/>
      <c r="G24" s="178"/>
      <c r="H24" s="179"/>
      <c r="I24" s="180"/>
    </row>
    <row r="25" spans="1:9" s="188" customFormat="1" ht="9.9499999999999993" customHeight="1">
      <c r="A25" s="181"/>
      <c r="B25" s="182" t="s">
        <v>72</v>
      </c>
      <c r="C25" s="182"/>
      <c r="D25" s="182"/>
      <c r="E25" s="183"/>
      <c r="F25" s="184"/>
      <c r="G25" s="185"/>
      <c r="H25" s="192"/>
      <c r="I25" s="187"/>
    </row>
    <row r="26" spans="1:9" s="173" customFormat="1" ht="9.9499999999999993" customHeight="1">
      <c r="A26" s="166"/>
      <c r="B26" s="167"/>
      <c r="C26" s="167"/>
      <c r="D26" s="167"/>
      <c r="E26" s="168"/>
      <c r="F26" s="169"/>
      <c r="G26" s="170"/>
      <c r="H26" s="171"/>
      <c r="I26" s="172"/>
    </row>
    <row r="27" spans="1:9" s="173" customFormat="1" ht="9.9499999999999993" customHeight="1">
      <c r="A27" s="174"/>
      <c r="B27" s="175"/>
      <c r="C27" s="175"/>
      <c r="D27" s="175"/>
      <c r="E27" s="176"/>
      <c r="F27" s="177"/>
      <c r="G27" s="178"/>
      <c r="H27" s="179"/>
      <c r="I27" s="180"/>
    </row>
    <row r="28" spans="1:9" s="188" customFormat="1" ht="9.9499999999999993" customHeight="1">
      <c r="A28" s="181"/>
      <c r="B28" s="182"/>
      <c r="C28" s="182"/>
      <c r="D28" s="182"/>
      <c r="E28" s="183"/>
      <c r="F28" s="184"/>
      <c r="G28" s="185"/>
      <c r="H28" s="186"/>
      <c r="I28" s="187"/>
    </row>
    <row r="29" spans="1:9" s="173" customFormat="1" ht="9.9499999999999993" customHeight="1">
      <c r="A29" s="166"/>
      <c r="B29" s="167"/>
      <c r="C29" s="167"/>
      <c r="D29" s="167"/>
      <c r="E29" s="168"/>
      <c r="F29" s="169"/>
      <c r="G29" s="170"/>
      <c r="H29" s="171"/>
      <c r="I29" s="172"/>
    </row>
    <row r="30" spans="1:9" s="173" customFormat="1" ht="9.9499999999999993" customHeight="1">
      <c r="A30" s="174"/>
      <c r="B30" s="175"/>
      <c r="C30" s="175"/>
      <c r="D30" s="175"/>
      <c r="E30" s="176"/>
      <c r="F30" s="177"/>
      <c r="G30" s="178"/>
      <c r="H30" s="179"/>
      <c r="I30" s="180"/>
    </row>
    <row r="31" spans="1:9" s="188" customFormat="1" ht="9.9499999999999993" customHeight="1">
      <c r="A31" s="181"/>
      <c r="B31" s="182" t="s">
        <v>73</v>
      </c>
      <c r="C31" s="182"/>
      <c r="D31" s="182"/>
      <c r="E31" s="183"/>
      <c r="F31" s="184"/>
      <c r="G31" s="191"/>
      <c r="H31" s="192"/>
      <c r="I31" s="187"/>
    </row>
    <row r="32" spans="1:9" s="173" customFormat="1" ht="9.9499999999999993" customHeight="1">
      <c r="A32" s="166"/>
      <c r="B32" s="167"/>
      <c r="C32" s="167"/>
      <c r="D32" s="167"/>
      <c r="E32" s="168"/>
      <c r="F32" s="169"/>
      <c r="G32" s="170"/>
      <c r="H32" s="171"/>
      <c r="I32" s="172"/>
    </row>
    <row r="33" spans="1:9" s="173" customFormat="1" ht="9.9499999999999993" customHeight="1">
      <c r="A33" s="174"/>
      <c r="B33" s="175"/>
      <c r="C33" s="175"/>
      <c r="D33" s="175"/>
      <c r="E33" s="176"/>
      <c r="F33" s="177"/>
      <c r="G33" s="178"/>
      <c r="H33" s="179"/>
      <c r="I33" s="180"/>
    </row>
    <row r="34" spans="1:9" s="188" customFormat="1" ht="9.9499999999999993" customHeight="1">
      <c r="A34" s="181"/>
      <c r="B34" s="182"/>
      <c r="C34" s="182" t="s">
        <v>73</v>
      </c>
      <c r="D34" s="182"/>
      <c r="E34" s="183" t="s">
        <v>67</v>
      </c>
      <c r="F34" s="193">
        <v>1</v>
      </c>
      <c r="G34" s="185"/>
      <c r="H34" s="186"/>
      <c r="I34" s="194" t="s">
        <v>74</v>
      </c>
    </row>
    <row r="35" spans="1:9" s="173" customFormat="1" ht="9.9499999999999993" customHeight="1">
      <c r="A35" s="166"/>
      <c r="B35" s="167"/>
      <c r="C35" s="167"/>
      <c r="D35" s="167"/>
      <c r="E35" s="168"/>
      <c r="F35" s="169"/>
      <c r="G35" s="170"/>
      <c r="H35" s="171"/>
      <c r="I35" s="172"/>
    </row>
    <row r="36" spans="1:9" s="173" customFormat="1" ht="9.9499999999999993" customHeight="1">
      <c r="A36" s="174"/>
      <c r="B36" s="175"/>
      <c r="C36" s="175"/>
      <c r="D36" s="175"/>
      <c r="E36" s="176"/>
      <c r="F36" s="177"/>
      <c r="G36" s="178"/>
      <c r="H36" s="179"/>
      <c r="I36" s="180"/>
    </row>
    <row r="37" spans="1:9" s="188" customFormat="1" ht="9.9499999999999993" customHeight="1">
      <c r="A37" s="181"/>
      <c r="B37" s="182" t="s">
        <v>75</v>
      </c>
      <c r="C37" s="182"/>
      <c r="D37" s="182"/>
      <c r="E37" s="183"/>
      <c r="F37" s="184"/>
      <c r="G37" s="185"/>
      <c r="H37" s="192"/>
      <c r="I37" s="187"/>
    </row>
    <row r="38" spans="1:9" s="173" customFormat="1" ht="9.9499999999999993" customHeight="1">
      <c r="A38" s="166"/>
      <c r="B38" s="167"/>
      <c r="C38" s="167"/>
      <c r="D38" s="167"/>
      <c r="E38" s="168"/>
      <c r="F38" s="169"/>
      <c r="G38" s="170"/>
      <c r="H38" s="171"/>
      <c r="I38" s="172"/>
    </row>
    <row r="39" spans="1:9" s="173" customFormat="1" ht="9.9499999999999993" customHeight="1">
      <c r="A39" s="174"/>
      <c r="B39" s="175"/>
      <c r="C39" s="175"/>
      <c r="D39" s="175"/>
      <c r="E39" s="176"/>
      <c r="F39" s="177"/>
      <c r="G39" s="178"/>
      <c r="H39" s="179"/>
      <c r="I39" s="180"/>
    </row>
    <row r="40" spans="1:9" s="188" customFormat="1" ht="9.9499999999999993" customHeight="1">
      <c r="A40" s="181"/>
      <c r="B40" s="182"/>
      <c r="C40" s="182"/>
      <c r="D40" s="182"/>
      <c r="E40" s="183"/>
      <c r="F40" s="184"/>
      <c r="G40" s="185"/>
      <c r="H40" s="186"/>
      <c r="I40" s="187"/>
    </row>
    <row r="41" spans="1:9" s="165" customFormat="1" ht="30" customHeight="1">
      <c r="A41" s="564" t="s">
        <v>76</v>
      </c>
      <c r="B41" s="565"/>
      <c r="C41" s="565"/>
      <c r="D41" s="565"/>
      <c r="E41" s="565"/>
      <c r="F41" s="565"/>
      <c r="G41" s="565"/>
      <c r="H41" s="565"/>
      <c r="I41" s="566"/>
    </row>
    <row r="42" spans="1:9" s="173" customFormat="1" ht="30" customHeight="1">
      <c r="A42" s="161" t="s">
        <v>77</v>
      </c>
      <c r="B42" s="162" t="s">
        <v>78</v>
      </c>
      <c r="C42" s="162" t="s">
        <v>79</v>
      </c>
      <c r="D42" s="162" t="s">
        <v>80</v>
      </c>
      <c r="E42" s="162" t="s">
        <v>81</v>
      </c>
      <c r="F42" s="162" t="s">
        <v>82</v>
      </c>
      <c r="G42" s="162" t="s">
        <v>83</v>
      </c>
      <c r="H42" s="163" t="s">
        <v>84</v>
      </c>
      <c r="I42" s="164" t="s">
        <v>85</v>
      </c>
    </row>
    <row r="43" spans="1:9" s="173" customFormat="1" ht="9.9499999999999993" customHeight="1">
      <c r="A43" s="198"/>
      <c r="B43" s="167"/>
      <c r="C43" s="167"/>
      <c r="D43" s="167"/>
      <c r="E43" s="168"/>
      <c r="F43" s="169"/>
      <c r="G43" s="170"/>
      <c r="H43" s="171"/>
      <c r="I43" s="172"/>
    </row>
    <row r="44" spans="1:9" s="173" customFormat="1" ht="9.9499999999999993" customHeight="1">
      <c r="A44" s="198"/>
      <c r="B44" s="175"/>
      <c r="C44" s="175"/>
      <c r="D44" s="175"/>
      <c r="E44" s="176"/>
      <c r="F44" s="177"/>
      <c r="G44" s="178"/>
      <c r="H44" s="179"/>
      <c r="I44" s="180"/>
    </row>
    <row r="45" spans="1:9" s="188" customFormat="1" ht="9.9499999999999993" customHeight="1">
      <c r="A45" s="198" t="s">
        <v>86</v>
      </c>
      <c r="B45" s="182"/>
      <c r="C45" s="182"/>
      <c r="D45" s="182"/>
      <c r="E45" s="183"/>
      <c r="F45" s="184"/>
      <c r="G45" s="185"/>
      <c r="H45" s="186"/>
      <c r="I45" s="187"/>
    </row>
    <row r="46" spans="1:9" s="173" customFormat="1" ht="9.9499999999999993" customHeight="1">
      <c r="A46" s="189"/>
      <c r="B46" s="167"/>
      <c r="C46" s="167"/>
      <c r="D46" s="167"/>
      <c r="E46" s="168"/>
      <c r="F46" s="169"/>
      <c r="G46" s="170"/>
      <c r="H46" s="171"/>
      <c r="I46" s="172"/>
    </row>
    <row r="47" spans="1:9" s="188" customFormat="1" ht="9.9499999999999993" customHeight="1">
      <c r="A47" s="190"/>
      <c r="B47" s="175"/>
      <c r="C47" s="175"/>
      <c r="D47" s="175"/>
      <c r="E47" s="176"/>
      <c r="F47" s="177"/>
      <c r="G47" s="178"/>
      <c r="H47" s="179"/>
      <c r="I47" s="180"/>
    </row>
    <row r="48" spans="1:9" s="173" customFormat="1" ht="9.9499999999999993" customHeight="1">
      <c r="A48" s="181"/>
      <c r="B48" s="182"/>
      <c r="C48" s="182"/>
      <c r="D48" s="182"/>
      <c r="E48" s="183"/>
      <c r="F48" s="184"/>
      <c r="G48" s="191"/>
      <c r="H48" s="195"/>
      <c r="I48" s="187"/>
    </row>
    <row r="49" spans="1:9" s="173" customFormat="1" ht="9.9499999999999993" customHeight="1">
      <c r="A49" s="166"/>
      <c r="B49" s="167"/>
      <c r="C49" s="167"/>
      <c r="D49" s="167"/>
      <c r="E49" s="168"/>
      <c r="F49" s="169"/>
      <c r="G49" s="170"/>
      <c r="H49" s="171"/>
      <c r="I49" s="172"/>
    </row>
    <row r="50" spans="1:9" s="188" customFormat="1" ht="9.9499999999999993" customHeight="1">
      <c r="A50" s="174"/>
      <c r="B50" s="175"/>
      <c r="C50" s="175"/>
      <c r="D50" s="175"/>
      <c r="E50" s="176"/>
      <c r="F50" s="177"/>
      <c r="G50" s="178"/>
      <c r="H50" s="179"/>
      <c r="I50" s="180"/>
    </row>
    <row r="51" spans="1:9" s="173" customFormat="1" ht="9.9499999999999993" customHeight="1">
      <c r="A51" s="181"/>
      <c r="B51" s="182"/>
      <c r="C51" s="182"/>
      <c r="D51" s="182"/>
      <c r="E51" s="183"/>
      <c r="F51" s="184"/>
      <c r="G51" s="185"/>
      <c r="H51" s="186"/>
      <c r="I51" s="187"/>
    </row>
    <row r="52" spans="1:9" s="173" customFormat="1" ht="9.9499999999999993" customHeight="1">
      <c r="A52" s="199"/>
      <c r="B52" s="200"/>
      <c r="C52" s="200"/>
      <c r="D52" s="200"/>
      <c r="E52" s="201"/>
      <c r="F52" s="202"/>
      <c r="G52" s="203"/>
      <c r="H52" s="204"/>
      <c r="I52" s="205"/>
    </row>
    <row r="53" spans="1:9" s="188" customFormat="1" ht="9.9499999999999993" customHeight="1">
      <c r="A53" s="206"/>
      <c r="B53" s="207"/>
      <c r="C53" s="207"/>
      <c r="D53" s="207"/>
      <c r="E53" s="208"/>
      <c r="F53" s="209"/>
      <c r="G53" s="210"/>
      <c r="H53" s="211"/>
      <c r="I53" s="212"/>
    </row>
    <row r="54" spans="1:9" s="173" customFormat="1" ht="9.9499999999999993" customHeight="1">
      <c r="A54" s="213"/>
      <c r="B54" s="214"/>
      <c r="C54" s="214"/>
      <c r="D54" s="214"/>
      <c r="E54" s="215"/>
      <c r="F54" s="216"/>
      <c r="G54" s="217"/>
      <c r="H54" s="218"/>
      <c r="I54" s="219"/>
    </row>
    <row r="55" spans="1:9" s="173" customFormat="1" ht="9.9499999999999993" customHeight="1">
      <c r="A55" s="199"/>
      <c r="B55" s="200"/>
      <c r="C55" s="200"/>
      <c r="D55" s="200"/>
      <c r="E55" s="201"/>
      <c r="F55" s="202"/>
      <c r="G55" s="203"/>
      <c r="H55" s="204"/>
      <c r="I55" s="205"/>
    </row>
    <row r="56" spans="1:9" s="188" customFormat="1" ht="9.9499999999999993" customHeight="1">
      <c r="A56" s="206"/>
      <c r="B56" s="207"/>
      <c r="C56" s="207"/>
      <c r="D56" s="207"/>
      <c r="E56" s="208"/>
      <c r="F56" s="209"/>
      <c r="G56" s="210"/>
      <c r="H56" s="211"/>
      <c r="I56" s="212"/>
    </row>
    <row r="57" spans="1:9" s="173" customFormat="1" ht="9.9499999999999993" customHeight="1">
      <c r="A57" s="220"/>
      <c r="B57" s="214"/>
      <c r="C57" s="214"/>
      <c r="D57" s="214"/>
      <c r="E57" s="215"/>
      <c r="F57" s="216"/>
      <c r="G57" s="221"/>
      <c r="H57" s="222"/>
      <c r="I57" s="219"/>
    </row>
    <row r="58" spans="1:9" s="173" customFormat="1" ht="9.9499999999999993" customHeight="1">
      <c r="A58" s="199"/>
      <c r="B58" s="200"/>
      <c r="C58" s="200"/>
      <c r="D58" s="200"/>
      <c r="E58" s="201"/>
      <c r="F58" s="202"/>
      <c r="G58" s="203"/>
      <c r="H58" s="204"/>
      <c r="I58" s="205"/>
    </row>
    <row r="59" spans="1:9" s="188" customFormat="1" ht="9.9499999999999993" customHeight="1">
      <c r="A59" s="206"/>
      <c r="B59" s="207"/>
      <c r="C59" s="207"/>
      <c r="D59" s="207"/>
      <c r="E59" s="208"/>
      <c r="F59" s="209"/>
      <c r="G59" s="210"/>
      <c r="H59" s="211"/>
      <c r="I59" s="212"/>
    </row>
    <row r="60" spans="1:9" s="173" customFormat="1" ht="9.9499999999999993" customHeight="1">
      <c r="A60" s="213"/>
      <c r="B60" s="214"/>
      <c r="C60" s="214"/>
      <c r="D60" s="214"/>
      <c r="E60" s="215"/>
      <c r="F60" s="216"/>
      <c r="G60" s="217"/>
      <c r="H60" s="218"/>
      <c r="I60" s="219"/>
    </row>
    <row r="61" spans="1:9" s="173" customFormat="1" ht="9.9499999999999993" customHeight="1">
      <c r="A61" s="199"/>
      <c r="B61" s="200"/>
      <c r="C61" s="200"/>
      <c r="D61" s="200"/>
      <c r="E61" s="201"/>
      <c r="F61" s="202"/>
      <c r="G61" s="203"/>
      <c r="H61" s="204"/>
      <c r="I61" s="205"/>
    </row>
    <row r="62" spans="1:9" s="188" customFormat="1" ht="9.9499999999999993" customHeight="1">
      <c r="A62" s="206"/>
      <c r="B62" s="207"/>
      <c r="C62" s="207"/>
      <c r="D62" s="207"/>
      <c r="E62" s="208"/>
      <c r="F62" s="209"/>
      <c r="G62" s="210"/>
      <c r="H62" s="211"/>
      <c r="I62" s="212"/>
    </row>
    <row r="63" spans="1:9" s="173" customFormat="1" ht="9.9499999999999993" customHeight="1">
      <c r="A63" s="213"/>
      <c r="B63" s="214"/>
      <c r="C63" s="214"/>
      <c r="D63" s="214"/>
      <c r="E63" s="215"/>
      <c r="F63" s="216"/>
      <c r="G63" s="217"/>
      <c r="H63" s="218"/>
      <c r="I63" s="219"/>
    </row>
    <row r="64" spans="1:9" s="173" customFormat="1" ht="9.9499999999999993" customHeight="1">
      <c r="A64" s="199"/>
      <c r="B64" s="200"/>
      <c r="C64" s="200"/>
      <c r="D64" s="200"/>
      <c r="E64" s="201"/>
      <c r="F64" s="202"/>
      <c r="G64" s="203"/>
      <c r="H64" s="204"/>
      <c r="I64" s="205"/>
    </row>
    <row r="65" spans="1:9" s="188" customFormat="1" ht="9.9499999999999993" customHeight="1">
      <c r="A65" s="206"/>
      <c r="B65" s="207"/>
      <c r="C65" s="207"/>
      <c r="D65" s="207"/>
      <c r="E65" s="208"/>
      <c r="F65" s="209"/>
      <c r="G65" s="210"/>
      <c r="H65" s="211"/>
      <c r="I65" s="212"/>
    </row>
    <row r="66" spans="1:9" s="173" customFormat="1" ht="9.9499999999999993" customHeight="1">
      <c r="A66" s="213"/>
      <c r="B66" s="214"/>
      <c r="C66" s="214"/>
      <c r="D66" s="214"/>
      <c r="E66" s="215"/>
      <c r="F66" s="216"/>
      <c r="G66" s="217"/>
      <c r="H66" s="223"/>
      <c r="I66" s="219"/>
    </row>
    <row r="67" spans="1:9" s="173" customFormat="1" ht="9.9499999999999993" customHeight="1">
      <c r="A67" s="199"/>
      <c r="B67" s="200"/>
      <c r="C67" s="200"/>
      <c r="D67" s="200"/>
      <c r="E67" s="201"/>
      <c r="F67" s="202"/>
      <c r="G67" s="203"/>
      <c r="H67" s="204"/>
      <c r="I67" s="205"/>
    </row>
    <row r="68" spans="1:9" s="188" customFormat="1" ht="9.9499999999999993" customHeight="1">
      <c r="A68" s="206"/>
      <c r="B68" s="207"/>
      <c r="C68" s="207"/>
      <c r="D68" s="207"/>
      <c r="E68" s="208"/>
      <c r="F68" s="209"/>
      <c r="G68" s="210"/>
      <c r="H68" s="211"/>
      <c r="I68" s="212"/>
    </row>
    <row r="69" spans="1:9" s="173" customFormat="1" ht="9.9499999999999993" customHeight="1">
      <c r="A69" s="213"/>
      <c r="B69" s="214"/>
      <c r="C69" s="214"/>
      <c r="D69" s="214"/>
      <c r="E69" s="215"/>
      <c r="F69" s="216"/>
      <c r="G69" s="217"/>
      <c r="H69" s="218"/>
      <c r="I69" s="219"/>
    </row>
    <row r="70" spans="1:9" s="173" customFormat="1" ht="9.9499999999999993" customHeight="1">
      <c r="A70" s="199"/>
      <c r="B70" s="200"/>
      <c r="C70" s="200"/>
      <c r="D70" s="200"/>
      <c r="E70" s="201"/>
      <c r="F70" s="202"/>
      <c r="G70" s="203"/>
      <c r="H70" s="204"/>
      <c r="I70" s="205"/>
    </row>
    <row r="71" spans="1:9" s="188" customFormat="1" ht="9.9499999999999993" customHeight="1">
      <c r="A71" s="206"/>
      <c r="B71" s="207"/>
      <c r="C71" s="207"/>
      <c r="D71" s="207"/>
      <c r="E71" s="208"/>
      <c r="F71" s="209"/>
      <c r="G71" s="210"/>
      <c r="H71" s="211"/>
      <c r="I71" s="212"/>
    </row>
    <row r="72" spans="1:9" s="173" customFormat="1" ht="9.9499999999999993" customHeight="1">
      <c r="A72" s="213"/>
      <c r="B72" s="214"/>
      <c r="C72" s="214"/>
      <c r="D72" s="214"/>
      <c r="E72" s="215"/>
      <c r="F72" s="216"/>
      <c r="G72" s="217"/>
      <c r="H72" s="218"/>
      <c r="I72" s="219"/>
    </row>
    <row r="73" spans="1:9" s="173" customFormat="1" ht="9.9499999999999993" customHeight="1">
      <c r="A73" s="224"/>
      <c r="B73" s="200"/>
      <c r="C73" s="200"/>
      <c r="D73" s="200"/>
      <c r="E73" s="201"/>
      <c r="F73" s="202"/>
      <c r="G73" s="203"/>
      <c r="H73" s="204"/>
      <c r="I73" s="205"/>
    </row>
    <row r="74" spans="1:9" s="173" customFormat="1" ht="9.9499999999999993" customHeight="1">
      <c r="A74" s="224"/>
      <c r="B74" s="207"/>
      <c r="C74" s="207"/>
      <c r="D74" s="207"/>
      <c r="E74" s="208"/>
      <c r="F74" s="209"/>
      <c r="G74" s="210"/>
      <c r="H74" s="211"/>
      <c r="I74" s="212"/>
    </row>
    <row r="75" spans="1:9" s="173" customFormat="1" ht="9.9499999999999993" customHeight="1">
      <c r="A75" s="224"/>
      <c r="B75" s="214"/>
      <c r="C75" s="214"/>
      <c r="D75" s="214"/>
      <c r="E75" s="215"/>
      <c r="F75" s="216"/>
      <c r="G75" s="217"/>
      <c r="H75" s="218"/>
      <c r="I75" s="219"/>
    </row>
    <row r="76" spans="1:9" s="173" customFormat="1" ht="9.9499999999999993" customHeight="1">
      <c r="A76" s="199"/>
      <c r="B76" s="200"/>
      <c r="C76" s="200"/>
      <c r="D76" s="200"/>
      <c r="E76" s="201"/>
      <c r="F76" s="225"/>
      <c r="G76" s="203"/>
      <c r="H76" s="204"/>
      <c r="I76" s="205"/>
    </row>
    <row r="77" spans="1:9" s="188" customFormat="1" ht="9.9499999999999993" customHeight="1">
      <c r="A77" s="206"/>
      <c r="B77" s="207"/>
      <c r="C77" s="226"/>
      <c r="D77" s="207"/>
      <c r="E77" s="208"/>
      <c r="F77" s="227"/>
      <c r="G77" s="210"/>
      <c r="H77" s="211"/>
      <c r="I77" s="212"/>
    </row>
    <row r="78" spans="1:9" s="173" customFormat="1" ht="9.9499999999999993" customHeight="1">
      <c r="A78" s="224"/>
      <c r="B78" s="214"/>
      <c r="C78" s="214"/>
      <c r="D78" s="214"/>
      <c r="E78" s="215"/>
      <c r="F78" s="216"/>
      <c r="G78" s="217"/>
      <c r="H78" s="218"/>
      <c r="I78" s="219"/>
    </row>
    <row r="79" spans="1:9" s="173" customFormat="1" ht="9.9499999999999993" customHeight="1">
      <c r="A79" s="199"/>
      <c r="B79" s="200"/>
      <c r="C79" s="200"/>
      <c r="D79" s="200"/>
      <c r="E79" s="201"/>
      <c r="F79" s="202"/>
      <c r="G79" s="203"/>
      <c r="H79" s="204"/>
      <c r="I79" s="205"/>
    </row>
    <row r="80" spans="1:9" s="188" customFormat="1" ht="9.9499999999999993" customHeight="1">
      <c r="A80" s="206"/>
      <c r="B80" s="207"/>
      <c r="C80" s="207"/>
      <c r="D80" s="207"/>
      <c r="E80" s="208"/>
      <c r="F80" s="209"/>
      <c r="G80" s="210"/>
      <c r="H80" s="211"/>
      <c r="I80" s="212"/>
    </row>
    <row r="81" spans="1:9" s="173" customFormat="1" ht="9.9499999999999993" customHeight="1">
      <c r="A81" s="228"/>
      <c r="B81" s="229"/>
      <c r="C81" s="229"/>
      <c r="D81" s="229"/>
      <c r="E81" s="230"/>
      <c r="F81" s="231"/>
      <c r="G81" s="232"/>
      <c r="H81" s="233"/>
      <c r="I81" s="234"/>
    </row>
  </sheetData>
  <mergeCells count="1">
    <mergeCell ref="A41:I41"/>
  </mergeCells>
  <phoneticPr fontId="54"/>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66"/>
  </sheetPr>
  <dimension ref="A1:N81"/>
  <sheetViews>
    <sheetView showGridLines="0" view="pageBreakPreview" zoomScale="115" zoomScaleNormal="145" zoomScaleSheetLayoutView="115" workbookViewId="0">
      <selection activeCell="I49" sqref="I49"/>
    </sheetView>
  </sheetViews>
  <sheetFormatPr defaultRowHeight="13.5"/>
  <cols>
    <col min="1" max="2" width="8.625" style="339" customWidth="1"/>
    <col min="3" max="4" width="15.625" style="339" customWidth="1"/>
    <col min="5" max="6" width="6.625" style="339" customWidth="1"/>
    <col min="7" max="8" width="9.125" style="339" customWidth="1"/>
    <col min="9" max="9" width="15.625" style="339" customWidth="1"/>
    <col min="10" max="10" width="9" style="339"/>
    <col min="11" max="11" width="12.375" style="339" customWidth="1"/>
    <col min="12" max="12" width="4" style="585" bestFit="1" customWidth="1"/>
    <col min="13" max="13" width="9" style="339"/>
    <col min="14" max="14" width="4" style="585" bestFit="1" customWidth="1"/>
    <col min="15" max="16384" width="9" style="339"/>
  </cols>
  <sheetData>
    <row r="1" spans="1:14" s="239" customFormat="1" ht="30" customHeight="1">
      <c r="A1" s="235" t="s">
        <v>57</v>
      </c>
      <c r="B1" s="236" t="s">
        <v>58</v>
      </c>
      <c r="C1" s="236" t="s">
        <v>59</v>
      </c>
      <c r="D1" s="236" t="s">
        <v>60</v>
      </c>
      <c r="E1" s="236" t="s">
        <v>61</v>
      </c>
      <c r="F1" s="236" t="s">
        <v>62</v>
      </c>
      <c r="G1" s="236" t="s">
        <v>63</v>
      </c>
      <c r="H1" s="237" t="s">
        <v>64</v>
      </c>
      <c r="I1" s="238" t="s">
        <v>65</v>
      </c>
    </row>
    <row r="2" spans="1:14" s="247" customFormat="1" ht="9.9499999999999993" customHeight="1">
      <c r="A2" s="240"/>
      <c r="B2" s="241"/>
      <c r="C2" s="241"/>
      <c r="D2" s="242"/>
      <c r="E2" s="243"/>
      <c r="F2" s="244"/>
      <c r="G2" s="340"/>
      <c r="H2" s="340"/>
      <c r="I2" s="246"/>
    </row>
    <row r="3" spans="1:14" s="247" customFormat="1" ht="9.9499999999999993" customHeight="1">
      <c r="A3" s="248" t="s">
        <v>87</v>
      </c>
      <c r="B3" s="249"/>
      <c r="C3" s="249"/>
      <c r="D3" s="250"/>
      <c r="E3" s="251"/>
      <c r="F3" s="252"/>
      <c r="G3" s="341"/>
      <c r="H3" s="341"/>
      <c r="I3" s="254"/>
    </row>
    <row r="4" spans="1:14" s="262" customFormat="1" ht="9.9499999999999993" customHeight="1">
      <c r="A4" s="255"/>
      <c r="B4" s="256"/>
      <c r="C4" s="256"/>
      <c r="D4" s="257"/>
      <c r="E4" s="258"/>
      <c r="F4" s="259"/>
      <c r="G4" s="342"/>
      <c r="H4" s="343"/>
      <c r="I4" s="261"/>
      <c r="L4" s="377"/>
      <c r="N4" s="377"/>
    </row>
    <row r="5" spans="1:14" s="247" customFormat="1" ht="9.9499999999999993" customHeight="1">
      <c r="A5" s="240"/>
      <c r="B5" s="241"/>
      <c r="C5" s="263"/>
      <c r="D5" s="242"/>
      <c r="E5" s="243"/>
      <c r="F5" s="244"/>
      <c r="G5" s="340"/>
      <c r="H5" s="340"/>
      <c r="I5" s="246"/>
    </row>
    <row r="6" spans="1:14" s="247" customFormat="1" ht="9.9499999999999993" customHeight="1">
      <c r="A6" s="248"/>
      <c r="B6" s="249"/>
      <c r="C6" s="264"/>
      <c r="D6" s="250"/>
      <c r="E6" s="251"/>
      <c r="F6" s="252"/>
      <c r="G6" s="341"/>
      <c r="H6" s="341"/>
      <c r="I6" s="254"/>
    </row>
    <row r="7" spans="1:14" s="262" customFormat="1" ht="9.9499999999999993" customHeight="1">
      <c r="A7" s="255"/>
      <c r="B7" s="256" t="s">
        <v>66</v>
      </c>
      <c r="C7" s="265"/>
      <c r="D7" s="257"/>
      <c r="E7" s="258"/>
      <c r="F7" s="259"/>
      <c r="G7" s="342"/>
      <c r="H7" s="343"/>
      <c r="I7" s="266"/>
    </row>
    <row r="8" spans="1:14" s="247" customFormat="1" ht="9.9499999999999993" customHeight="1">
      <c r="A8" s="240"/>
      <c r="B8" s="241"/>
      <c r="C8" s="267"/>
      <c r="D8" s="242"/>
      <c r="E8" s="243"/>
      <c r="F8" s="244"/>
      <c r="G8" s="340"/>
      <c r="H8" s="340"/>
      <c r="I8" s="268"/>
    </row>
    <row r="9" spans="1:14" s="247" customFormat="1" ht="9.9499999999999993" customHeight="1">
      <c r="A9" s="248"/>
      <c r="B9" s="249"/>
      <c r="C9" s="249"/>
      <c r="D9" s="250"/>
      <c r="E9" s="251"/>
      <c r="F9" s="252"/>
      <c r="G9" s="341"/>
      <c r="H9" s="341"/>
      <c r="I9" s="254"/>
      <c r="J9" s="269"/>
    </row>
    <row r="10" spans="1:14" s="262" customFormat="1" ht="9.9499999999999993" customHeight="1">
      <c r="A10" s="255"/>
      <c r="B10" s="256"/>
      <c r="C10" s="256" t="s">
        <v>369</v>
      </c>
      <c r="D10" s="256" t="s">
        <v>370</v>
      </c>
      <c r="E10" s="258" t="s">
        <v>371</v>
      </c>
      <c r="F10" s="259">
        <v>24</v>
      </c>
      <c r="G10" s="342"/>
      <c r="H10" s="343"/>
      <c r="I10" s="266"/>
    </row>
    <row r="11" spans="1:14" s="247" customFormat="1" ht="9.9499999999999993" customHeight="1">
      <c r="A11" s="270"/>
      <c r="B11" s="242"/>
      <c r="C11" s="271"/>
      <c r="D11" s="242"/>
      <c r="E11" s="243"/>
      <c r="F11" s="244"/>
      <c r="G11" s="340"/>
      <c r="H11" s="340"/>
      <c r="I11" s="246"/>
    </row>
    <row r="12" spans="1:14" s="247" customFormat="1" ht="9.9499999999999993" customHeight="1">
      <c r="A12" s="272"/>
      <c r="B12" s="250"/>
      <c r="C12" s="250"/>
      <c r="D12" s="250"/>
      <c r="E12" s="251"/>
      <c r="F12" s="252"/>
      <c r="G12" s="341"/>
      <c r="H12" s="341"/>
      <c r="I12" s="254"/>
    </row>
    <row r="13" spans="1:14" s="262" customFormat="1" ht="9.9499999999999993" customHeight="1">
      <c r="A13" s="273"/>
      <c r="B13" s="257"/>
      <c r="C13" s="256" t="s">
        <v>369</v>
      </c>
      <c r="D13" s="256" t="s">
        <v>372</v>
      </c>
      <c r="E13" s="258" t="s">
        <v>371</v>
      </c>
      <c r="F13" s="259">
        <v>12</v>
      </c>
      <c r="G13" s="342"/>
      <c r="H13" s="343"/>
      <c r="I13" s="266"/>
    </row>
    <row r="14" spans="1:14" s="247" customFormat="1" ht="9.9499999999999993" customHeight="1">
      <c r="A14" s="270"/>
      <c r="B14" s="242"/>
      <c r="C14" s="242"/>
      <c r="D14" s="242"/>
      <c r="E14" s="243"/>
      <c r="F14" s="244"/>
      <c r="G14" s="340"/>
      <c r="H14" s="340"/>
      <c r="I14" s="246"/>
    </row>
    <row r="15" spans="1:14" s="247" customFormat="1" ht="9.9499999999999993" customHeight="1">
      <c r="A15" s="272"/>
      <c r="B15" s="250"/>
      <c r="C15" s="274"/>
      <c r="D15" s="250"/>
      <c r="E15" s="251"/>
      <c r="F15" s="250"/>
      <c r="G15" s="341"/>
      <c r="H15" s="341"/>
      <c r="I15" s="254"/>
    </row>
    <row r="16" spans="1:14" s="262" customFormat="1" ht="9.9499999999999993" customHeight="1">
      <c r="A16" s="273"/>
      <c r="B16" s="257"/>
      <c r="C16" s="256" t="s">
        <v>369</v>
      </c>
      <c r="D16" s="256" t="s">
        <v>373</v>
      </c>
      <c r="E16" s="375" t="s">
        <v>371</v>
      </c>
      <c r="F16" s="376">
        <v>2</v>
      </c>
      <c r="G16" s="342"/>
      <c r="H16" s="343"/>
      <c r="I16" s="266"/>
    </row>
    <row r="17" spans="1:14" s="247" customFormat="1" ht="9.9499999999999993" customHeight="1">
      <c r="A17" s="270"/>
      <c r="B17" s="242"/>
      <c r="C17" s="242"/>
      <c r="D17" s="242"/>
      <c r="E17" s="243"/>
      <c r="F17" s="244"/>
      <c r="G17" s="340"/>
      <c r="H17" s="340"/>
      <c r="I17" s="246"/>
    </row>
    <row r="18" spans="1:14" s="247" customFormat="1" ht="9.9499999999999993" customHeight="1">
      <c r="A18" s="272"/>
      <c r="B18" s="250"/>
      <c r="C18" s="274"/>
      <c r="D18" s="250"/>
      <c r="E18" s="251"/>
      <c r="F18" s="252"/>
      <c r="G18" s="341"/>
      <c r="H18" s="341"/>
      <c r="I18" s="254"/>
    </row>
    <row r="19" spans="1:14" s="262" customFormat="1" ht="9.9499999999999993" customHeight="1">
      <c r="A19" s="273"/>
      <c r="B19" s="257"/>
      <c r="C19" s="275"/>
      <c r="D19" s="276"/>
      <c r="E19" s="258"/>
      <c r="F19" s="259"/>
      <c r="G19" s="342"/>
      <c r="H19" s="343"/>
      <c r="I19" s="266"/>
      <c r="L19" s="377"/>
      <c r="N19" s="377"/>
    </row>
    <row r="20" spans="1:14" s="247" customFormat="1" ht="9.9499999999999993" customHeight="1">
      <c r="A20" s="270"/>
      <c r="B20" s="242"/>
      <c r="C20" s="271"/>
      <c r="D20" s="242"/>
      <c r="E20" s="243"/>
      <c r="F20" s="244"/>
      <c r="G20" s="340"/>
      <c r="H20" s="340"/>
      <c r="I20" s="246"/>
    </row>
    <row r="21" spans="1:14" s="247" customFormat="1" ht="9.9499999999999993" customHeight="1">
      <c r="A21" s="272"/>
      <c r="B21" s="250"/>
      <c r="C21" s="274"/>
      <c r="D21" s="250"/>
      <c r="E21" s="251"/>
      <c r="F21" s="252"/>
      <c r="G21" s="341"/>
      <c r="H21" s="341"/>
      <c r="I21" s="254"/>
    </row>
    <row r="22" spans="1:14" s="262" customFormat="1" ht="9.9499999999999993" customHeight="1">
      <c r="A22" s="273"/>
      <c r="B22" s="257"/>
      <c r="C22" s="275"/>
      <c r="D22" s="257"/>
      <c r="E22" s="258"/>
      <c r="F22" s="259"/>
      <c r="G22" s="342"/>
      <c r="H22" s="343"/>
      <c r="I22" s="266"/>
      <c r="L22" s="377"/>
      <c r="N22" s="377"/>
    </row>
    <row r="23" spans="1:14" s="247" customFormat="1" ht="9.9499999999999993" customHeight="1">
      <c r="A23" s="270"/>
      <c r="B23" s="242"/>
      <c r="C23" s="242"/>
      <c r="D23" s="243"/>
      <c r="E23" s="244"/>
      <c r="F23" s="245"/>
      <c r="G23" s="340"/>
      <c r="H23" s="344"/>
      <c r="I23" s="246"/>
    </row>
    <row r="24" spans="1:14" s="247" customFormat="1" ht="9.9499999999999993" customHeight="1">
      <c r="A24" s="272"/>
      <c r="B24" s="250"/>
      <c r="C24" s="250"/>
      <c r="D24" s="251"/>
      <c r="E24" s="252"/>
      <c r="F24" s="253"/>
      <c r="G24" s="341"/>
      <c r="H24" s="345"/>
      <c r="I24" s="254"/>
    </row>
    <row r="25" spans="1:14" s="262" customFormat="1" ht="9.9499999999999993" customHeight="1">
      <c r="A25" s="273"/>
      <c r="B25" s="257"/>
      <c r="C25" s="257"/>
      <c r="D25" s="258"/>
      <c r="E25" s="259"/>
      <c r="F25" s="260"/>
      <c r="G25" s="343"/>
      <c r="H25" s="346"/>
      <c r="I25" s="261"/>
      <c r="L25" s="377"/>
      <c r="N25" s="377"/>
    </row>
    <row r="26" spans="1:14" s="247" customFormat="1" ht="9.9499999999999993" customHeight="1">
      <c r="A26" s="270"/>
      <c r="B26" s="242"/>
      <c r="C26" s="242"/>
      <c r="D26" s="243"/>
      <c r="E26" s="244"/>
      <c r="F26" s="245"/>
      <c r="G26" s="340"/>
      <c r="H26" s="344"/>
      <c r="I26" s="246"/>
    </row>
    <row r="27" spans="1:14" s="247" customFormat="1" ht="9.9499999999999993" customHeight="1">
      <c r="A27" s="272"/>
      <c r="B27" s="250"/>
      <c r="C27" s="250"/>
      <c r="D27" s="251"/>
      <c r="E27" s="251"/>
      <c r="F27" s="253"/>
      <c r="G27" s="341"/>
      <c r="H27" s="345"/>
      <c r="I27" s="254"/>
    </row>
    <row r="28" spans="1:14" s="262" customFormat="1" ht="9.9499999999999993" customHeight="1">
      <c r="A28" s="273"/>
      <c r="B28" s="277"/>
      <c r="C28" s="257" t="s">
        <v>88</v>
      </c>
      <c r="D28" s="278"/>
      <c r="E28" s="259"/>
      <c r="F28" s="260"/>
      <c r="G28" s="343"/>
      <c r="H28" s="346"/>
      <c r="I28" s="261"/>
      <c r="L28" s="377"/>
      <c r="N28" s="377"/>
    </row>
    <row r="29" spans="1:14" s="247" customFormat="1" ht="9.9499999999999993" customHeight="1">
      <c r="A29" s="270"/>
      <c r="B29" s="242"/>
      <c r="C29" s="271"/>
      <c r="D29" s="242"/>
      <c r="E29" s="243"/>
      <c r="F29" s="244"/>
      <c r="G29" s="340"/>
      <c r="H29" s="340"/>
      <c r="I29" s="246"/>
    </row>
    <row r="30" spans="1:14" s="247" customFormat="1" ht="9.9499999999999993" customHeight="1">
      <c r="A30" s="272"/>
      <c r="B30" s="250"/>
      <c r="C30" s="250"/>
      <c r="D30" s="250"/>
      <c r="E30" s="251"/>
      <c r="F30" s="252"/>
      <c r="G30" s="341"/>
      <c r="H30" s="341"/>
      <c r="I30" s="254"/>
    </row>
    <row r="31" spans="1:14" s="262" customFormat="1" ht="9.9499999999999993" customHeight="1">
      <c r="A31" s="273"/>
      <c r="B31" s="257"/>
      <c r="C31" s="257"/>
      <c r="D31" s="276"/>
      <c r="E31" s="258"/>
      <c r="F31" s="259"/>
      <c r="G31" s="342"/>
      <c r="H31" s="343"/>
      <c r="I31" s="266"/>
      <c r="L31" s="377"/>
      <c r="N31" s="377"/>
    </row>
    <row r="32" spans="1:14" s="247" customFormat="1" ht="9.9499999999999993" customHeight="1">
      <c r="A32" s="270"/>
      <c r="B32" s="242"/>
      <c r="C32" s="271"/>
      <c r="D32" s="242"/>
      <c r="E32" s="243"/>
      <c r="F32" s="244"/>
      <c r="G32" s="340"/>
      <c r="H32" s="340"/>
      <c r="I32" s="246"/>
    </row>
    <row r="33" spans="1:14" s="247" customFormat="1" ht="9.9499999999999993" customHeight="1">
      <c r="A33" s="272"/>
      <c r="B33" s="250"/>
      <c r="C33" s="250"/>
      <c r="D33" s="250"/>
      <c r="E33" s="251"/>
      <c r="F33" s="252"/>
      <c r="G33" s="341"/>
      <c r="H33" s="341"/>
      <c r="I33" s="254"/>
    </row>
    <row r="34" spans="1:14" s="262" customFormat="1" ht="9.9499999999999993" customHeight="1">
      <c r="A34" s="273"/>
      <c r="B34" s="257"/>
      <c r="C34" s="257"/>
      <c r="D34" s="276"/>
      <c r="E34" s="258"/>
      <c r="F34" s="259"/>
      <c r="G34" s="342"/>
      <c r="H34" s="343"/>
      <c r="I34" s="266"/>
      <c r="L34" s="377"/>
      <c r="N34" s="377"/>
    </row>
    <row r="35" spans="1:14" s="247" customFormat="1" ht="9.9499999999999993" customHeight="1">
      <c r="A35" s="270"/>
      <c r="B35" s="242"/>
      <c r="C35" s="242"/>
      <c r="D35" s="243"/>
      <c r="E35" s="243"/>
      <c r="F35" s="244"/>
      <c r="G35" s="340"/>
      <c r="H35" s="347"/>
      <c r="I35" s="582"/>
    </row>
    <row r="36" spans="1:14" s="247" customFormat="1" ht="9.9499999999999993" customHeight="1">
      <c r="A36" s="272"/>
      <c r="B36" s="250"/>
      <c r="C36" s="250"/>
      <c r="D36" s="251"/>
      <c r="E36" s="251"/>
      <c r="F36" s="252"/>
      <c r="G36" s="341"/>
      <c r="H36" s="348"/>
      <c r="I36" s="254"/>
    </row>
    <row r="37" spans="1:14" s="262" customFormat="1" ht="9.9499999999999993" customHeight="1">
      <c r="A37" s="273"/>
      <c r="B37" s="257"/>
      <c r="C37" s="250"/>
      <c r="D37" s="257"/>
      <c r="E37" s="258"/>
      <c r="F37" s="259"/>
      <c r="G37" s="342"/>
      <c r="H37" s="349"/>
      <c r="I37" s="266"/>
      <c r="L37" s="377"/>
      <c r="N37" s="377"/>
    </row>
    <row r="38" spans="1:14" s="247" customFormat="1" ht="9.9499999999999993" customHeight="1">
      <c r="A38" s="270"/>
      <c r="B38" s="242"/>
      <c r="C38" s="242"/>
      <c r="D38" s="242"/>
      <c r="E38" s="243"/>
      <c r="F38" s="244"/>
      <c r="G38" s="340"/>
      <c r="H38" s="340"/>
      <c r="I38" s="246"/>
    </row>
    <row r="39" spans="1:14" s="247" customFormat="1" ht="9.9499999999999993" customHeight="1">
      <c r="A39" s="272"/>
      <c r="B39" s="250"/>
      <c r="C39" s="250"/>
      <c r="D39" s="250"/>
      <c r="E39" s="251"/>
      <c r="F39" s="252"/>
      <c r="G39" s="341"/>
      <c r="H39" s="341"/>
      <c r="I39" s="254"/>
    </row>
    <row r="40" spans="1:14" s="262" customFormat="1" ht="9.9499999999999993" customHeight="1">
      <c r="A40" s="279"/>
      <c r="B40" s="257"/>
      <c r="C40" s="277"/>
      <c r="D40" s="280"/>
      <c r="E40" s="281"/>
      <c r="F40" s="282"/>
      <c r="G40" s="350"/>
      <c r="H40" s="351"/>
      <c r="I40" s="338"/>
      <c r="L40" s="377"/>
      <c r="N40" s="377"/>
    </row>
    <row r="41" spans="1:14" s="283" customFormat="1" ht="30" customHeight="1">
      <c r="A41" s="567" t="s">
        <v>76</v>
      </c>
      <c r="B41" s="568"/>
      <c r="C41" s="568"/>
      <c r="D41" s="568"/>
      <c r="E41" s="568"/>
      <c r="F41" s="568"/>
      <c r="G41" s="568"/>
      <c r="H41" s="568"/>
      <c r="I41" s="569"/>
      <c r="L41" s="378"/>
      <c r="N41" s="378"/>
    </row>
    <row r="42" spans="1:14" s="288" customFormat="1" ht="30" customHeight="1">
      <c r="A42" s="284" t="s">
        <v>77</v>
      </c>
      <c r="B42" s="285" t="s">
        <v>78</v>
      </c>
      <c r="C42" s="285" t="s">
        <v>79</v>
      </c>
      <c r="D42" s="285" t="s">
        <v>80</v>
      </c>
      <c r="E42" s="285" t="s">
        <v>81</v>
      </c>
      <c r="F42" s="285" t="s">
        <v>82</v>
      </c>
      <c r="G42" s="285" t="s">
        <v>83</v>
      </c>
      <c r="H42" s="286" t="s">
        <v>84</v>
      </c>
      <c r="I42" s="287" t="s">
        <v>85</v>
      </c>
      <c r="L42" s="379"/>
      <c r="N42" s="379"/>
    </row>
    <row r="43" spans="1:14" s="247" customFormat="1" ht="9.9499999999999993" customHeight="1">
      <c r="A43" s="240"/>
      <c r="B43" s="241"/>
      <c r="C43" s="241"/>
      <c r="D43" s="289"/>
      <c r="E43" s="290"/>
      <c r="F43" s="291"/>
      <c r="G43" s="352"/>
      <c r="H43" s="353"/>
      <c r="I43" s="292"/>
    </row>
    <row r="44" spans="1:14" s="247" customFormat="1" ht="9.9499999999999993" customHeight="1">
      <c r="A44" s="293" t="s">
        <v>89</v>
      </c>
      <c r="B44" s="249"/>
      <c r="C44" s="249"/>
      <c r="D44" s="294"/>
      <c r="E44" s="295"/>
      <c r="F44" s="296"/>
      <c r="G44" s="354"/>
      <c r="H44" s="355"/>
      <c r="I44" s="583"/>
    </row>
    <row r="45" spans="1:14" s="262" customFormat="1" ht="9.9499999999999993" customHeight="1">
      <c r="A45" s="255"/>
      <c r="B45" s="256"/>
      <c r="C45" s="256"/>
      <c r="D45" s="294"/>
      <c r="E45" s="297"/>
      <c r="F45" s="298"/>
      <c r="G45" s="356"/>
      <c r="H45" s="357"/>
      <c r="I45" s="584"/>
      <c r="L45" s="377"/>
      <c r="N45" s="377"/>
    </row>
    <row r="46" spans="1:14" s="247" customFormat="1" ht="9.9499999999999993" customHeight="1">
      <c r="A46" s="240"/>
      <c r="B46" s="241"/>
      <c r="C46" s="241"/>
      <c r="D46" s="289"/>
      <c r="E46" s="290"/>
      <c r="F46" s="291"/>
      <c r="G46" s="358"/>
      <c r="H46" s="353"/>
      <c r="I46" s="292"/>
    </row>
    <row r="47" spans="1:14" s="247" customFormat="1" ht="9.9499999999999993" customHeight="1">
      <c r="A47" s="248"/>
      <c r="B47" s="249"/>
      <c r="C47" s="249"/>
      <c r="D47" s="294"/>
      <c r="E47" s="295"/>
      <c r="F47" s="296"/>
      <c r="G47" s="359"/>
      <c r="H47" s="355"/>
      <c r="I47" s="583"/>
    </row>
    <row r="48" spans="1:14" s="262" customFormat="1" ht="9.9499999999999993" customHeight="1">
      <c r="A48" s="255"/>
      <c r="B48" s="299" t="s">
        <v>70</v>
      </c>
      <c r="C48" s="256"/>
      <c r="D48" s="300"/>
      <c r="E48" s="297"/>
      <c r="F48" s="298"/>
      <c r="G48" s="360"/>
      <c r="H48" s="356"/>
      <c r="I48" s="584"/>
      <c r="L48" s="377"/>
      <c r="N48" s="377"/>
    </row>
    <row r="49" spans="1:14" s="247" customFormat="1" ht="9.9499999999999993" customHeight="1">
      <c r="A49" s="240"/>
      <c r="B49" s="241"/>
      <c r="C49" s="267"/>
      <c r="D49" s="241"/>
      <c r="E49" s="289"/>
      <c r="F49" s="290"/>
      <c r="G49" s="358"/>
      <c r="H49" s="352"/>
      <c r="I49" s="328"/>
    </row>
    <row r="50" spans="1:14" s="247" customFormat="1" ht="9.9499999999999993" customHeight="1">
      <c r="A50" s="248"/>
      <c r="B50" s="249"/>
      <c r="C50" s="249"/>
      <c r="D50" s="249"/>
      <c r="E50" s="294"/>
      <c r="F50" s="295"/>
      <c r="G50" s="359"/>
      <c r="H50" s="354"/>
      <c r="I50" s="329"/>
    </row>
    <row r="51" spans="1:14" s="262" customFormat="1" ht="9.9499999999999993" customHeight="1">
      <c r="A51" s="255"/>
      <c r="B51" s="256"/>
      <c r="C51" s="256" t="s">
        <v>374</v>
      </c>
      <c r="D51" s="301" t="s">
        <v>375</v>
      </c>
      <c r="E51" s="297" t="s">
        <v>93</v>
      </c>
      <c r="F51" s="302">
        <v>6</v>
      </c>
      <c r="G51" s="360"/>
      <c r="H51" s="356"/>
      <c r="I51" s="331"/>
      <c r="L51" s="377"/>
      <c r="N51" s="377"/>
    </row>
    <row r="52" spans="1:14" s="247" customFormat="1" ht="9.9499999999999993" customHeight="1">
      <c r="A52" s="240"/>
      <c r="B52" s="241"/>
      <c r="C52" s="267"/>
      <c r="D52" s="241"/>
      <c r="E52" s="289"/>
      <c r="F52" s="290"/>
      <c r="G52" s="358"/>
      <c r="H52" s="352"/>
      <c r="I52" s="328"/>
    </row>
    <row r="53" spans="1:14" s="247" customFormat="1" ht="9.9499999999999993" customHeight="1">
      <c r="A53" s="248"/>
      <c r="B53" s="249"/>
      <c r="C53" s="249"/>
      <c r="D53" s="249"/>
      <c r="E53" s="294"/>
      <c r="F53" s="295"/>
      <c r="G53" s="359"/>
      <c r="H53" s="354"/>
      <c r="I53" s="329"/>
    </row>
    <row r="54" spans="1:14" s="262" customFormat="1" ht="9.9499999999999993" customHeight="1">
      <c r="A54" s="255"/>
      <c r="B54" s="256"/>
      <c r="C54" s="256" t="s">
        <v>376</v>
      </c>
      <c r="D54" s="256" t="s">
        <v>377</v>
      </c>
      <c r="E54" s="297" t="s">
        <v>93</v>
      </c>
      <c r="F54" s="302">
        <v>15</v>
      </c>
      <c r="G54" s="360"/>
      <c r="H54" s="356"/>
      <c r="I54" s="331"/>
      <c r="L54" s="377"/>
      <c r="N54" s="377"/>
    </row>
    <row r="55" spans="1:14" s="247" customFormat="1" ht="9.9499999999999993" customHeight="1">
      <c r="A55" s="303"/>
      <c r="B55" s="304"/>
      <c r="C55" s="304"/>
      <c r="D55" s="304"/>
      <c r="E55" s="305"/>
      <c r="F55" s="306"/>
      <c r="G55" s="361"/>
      <c r="H55" s="352"/>
      <c r="I55" s="328"/>
    </row>
    <row r="56" spans="1:14" s="247" customFormat="1" ht="9.9499999999999993" customHeight="1">
      <c r="A56" s="293"/>
      <c r="B56" s="307"/>
      <c r="C56" s="308"/>
      <c r="D56" s="307"/>
      <c r="E56" s="309"/>
      <c r="F56" s="310"/>
      <c r="G56" s="362"/>
      <c r="H56" s="363"/>
      <c r="I56" s="583"/>
    </row>
    <row r="57" spans="1:14" s="262" customFormat="1" ht="9.9499999999999993" customHeight="1">
      <c r="A57" s="311"/>
      <c r="B57" s="312"/>
      <c r="C57" s="313"/>
      <c r="D57" s="312"/>
      <c r="E57" s="314"/>
      <c r="F57" s="302"/>
      <c r="G57" s="360"/>
      <c r="H57" s="356"/>
      <c r="I57" s="331"/>
      <c r="L57" s="377"/>
      <c r="N57" s="377"/>
    </row>
    <row r="58" spans="1:14" s="247" customFormat="1" ht="9.9499999999999993" customHeight="1">
      <c r="A58" s="303"/>
      <c r="B58" s="315"/>
      <c r="C58" s="241"/>
      <c r="D58" s="316"/>
      <c r="E58" s="289"/>
      <c r="F58" s="317"/>
      <c r="G58" s="358"/>
      <c r="H58" s="352"/>
      <c r="I58" s="328"/>
    </row>
    <row r="59" spans="1:14" s="247" customFormat="1" ht="9.9499999999999993" customHeight="1">
      <c r="A59" s="293"/>
      <c r="B59" s="318"/>
      <c r="C59" s="308"/>
      <c r="D59" s="319"/>
      <c r="E59" s="294"/>
      <c r="F59" s="320"/>
      <c r="G59" s="359"/>
      <c r="H59" s="363"/>
      <c r="I59" s="583"/>
    </row>
    <row r="60" spans="1:14" s="262" customFormat="1" ht="9.9499999999999993" customHeight="1">
      <c r="A60" s="311"/>
      <c r="B60" s="321"/>
      <c r="C60" s="313" t="s">
        <v>88</v>
      </c>
      <c r="D60" s="301"/>
      <c r="E60" s="297"/>
      <c r="F60" s="302"/>
      <c r="G60" s="364"/>
      <c r="H60" s="356"/>
      <c r="I60" s="331"/>
      <c r="L60" s="377"/>
      <c r="N60" s="377"/>
    </row>
    <row r="61" spans="1:14" s="247" customFormat="1" ht="9.9499999999999993" customHeight="1">
      <c r="A61" s="270"/>
      <c r="B61" s="322"/>
      <c r="C61" s="242"/>
      <c r="D61" s="322"/>
      <c r="E61" s="243"/>
      <c r="F61" s="323"/>
      <c r="G61" s="365"/>
      <c r="H61" s="340"/>
      <c r="I61" s="246"/>
    </row>
    <row r="62" spans="1:14" s="247" customFormat="1" ht="9.9499999999999993" customHeight="1">
      <c r="A62" s="272"/>
      <c r="B62" s="324"/>
      <c r="C62" s="274"/>
      <c r="D62" s="324"/>
      <c r="E62" s="251"/>
      <c r="F62" s="325"/>
      <c r="G62" s="366"/>
      <c r="H62" s="348"/>
      <c r="I62" s="254"/>
    </row>
    <row r="63" spans="1:14" s="262" customFormat="1" ht="9.9499999999999993" customHeight="1">
      <c r="A63" s="273"/>
      <c r="B63" s="326"/>
      <c r="C63" s="275"/>
      <c r="D63" s="276"/>
      <c r="E63" s="258"/>
      <c r="F63" s="259"/>
      <c r="G63" s="342"/>
      <c r="H63" s="343"/>
      <c r="I63" s="266"/>
      <c r="L63" s="377"/>
      <c r="N63" s="377"/>
    </row>
    <row r="64" spans="1:14" s="247" customFormat="1" ht="9.9499999999999993" customHeight="1">
      <c r="A64" s="240"/>
      <c r="B64" s="316"/>
      <c r="C64" s="241"/>
      <c r="D64" s="316"/>
      <c r="E64" s="289"/>
      <c r="F64" s="317"/>
      <c r="G64" s="358"/>
      <c r="H64" s="352"/>
      <c r="I64" s="328"/>
    </row>
    <row r="65" spans="1:14" s="247" customFormat="1" ht="9.9499999999999993" customHeight="1">
      <c r="A65" s="248" t="s">
        <v>90</v>
      </c>
      <c r="B65" s="319"/>
      <c r="C65" s="308"/>
      <c r="D65" s="319"/>
      <c r="E65" s="294"/>
      <c r="F65" s="320"/>
      <c r="G65" s="359"/>
      <c r="H65" s="363"/>
      <c r="I65" s="329"/>
    </row>
    <row r="66" spans="1:14" s="262" customFormat="1" ht="9.9499999999999993" customHeight="1">
      <c r="A66" s="255"/>
      <c r="B66" s="327"/>
      <c r="C66" s="313"/>
      <c r="D66" s="301"/>
      <c r="E66" s="297"/>
      <c r="F66" s="302"/>
      <c r="G66" s="364"/>
      <c r="H66" s="356"/>
      <c r="I66" s="331"/>
      <c r="L66" s="377"/>
      <c r="N66" s="377"/>
    </row>
    <row r="67" spans="1:14" s="247" customFormat="1" ht="9.9499999999999993" customHeight="1">
      <c r="A67" s="240"/>
      <c r="B67" s="316"/>
      <c r="C67" s="241"/>
      <c r="D67" s="316"/>
      <c r="E67" s="289"/>
      <c r="F67" s="317"/>
      <c r="G67" s="358"/>
      <c r="H67" s="352"/>
      <c r="I67" s="328"/>
    </row>
    <row r="68" spans="1:14" s="247" customFormat="1" ht="9.9499999999999993" customHeight="1">
      <c r="A68" s="248"/>
      <c r="B68" s="319"/>
      <c r="C68" s="308"/>
      <c r="D68" s="319"/>
      <c r="E68" s="294"/>
      <c r="F68" s="320"/>
      <c r="G68" s="359"/>
      <c r="H68" s="363"/>
      <c r="I68" s="329"/>
    </row>
    <row r="69" spans="1:14" s="262" customFormat="1" ht="9.9499999999999993" customHeight="1">
      <c r="A69" s="255"/>
      <c r="B69" s="327" t="s">
        <v>73</v>
      </c>
      <c r="C69" s="313"/>
      <c r="D69" s="327"/>
      <c r="E69" s="297"/>
      <c r="F69" s="330"/>
      <c r="G69" s="360"/>
      <c r="H69" s="356"/>
      <c r="I69" s="331"/>
      <c r="L69" s="377"/>
      <c r="N69" s="377"/>
    </row>
    <row r="70" spans="1:14" s="247" customFormat="1" ht="9.9499999999999993" customHeight="1">
      <c r="A70" s="240"/>
      <c r="B70" s="316"/>
      <c r="C70" s="241"/>
      <c r="D70" s="316"/>
      <c r="E70" s="289"/>
      <c r="F70" s="317"/>
      <c r="G70" s="358"/>
      <c r="H70" s="352"/>
      <c r="I70" s="328"/>
    </row>
    <row r="71" spans="1:14" s="247" customFormat="1" ht="9.9499999999999993" customHeight="1">
      <c r="A71" s="248"/>
      <c r="B71" s="319"/>
      <c r="C71" s="308"/>
      <c r="D71" s="319"/>
      <c r="E71" s="294"/>
      <c r="F71" s="320"/>
      <c r="G71" s="359"/>
      <c r="H71" s="363"/>
      <c r="I71" s="329"/>
    </row>
    <row r="72" spans="1:14" s="262" customFormat="1" ht="9.9499999999999993" customHeight="1">
      <c r="A72" s="255"/>
      <c r="B72" s="327"/>
      <c r="C72" s="313" t="s">
        <v>91</v>
      </c>
      <c r="D72" s="327" t="s">
        <v>92</v>
      </c>
      <c r="E72" s="297" t="s">
        <v>67</v>
      </c>
      <c r="F72" s="330">
        <v>1</v>
      </c>
      <c r="G72" s="360"/>
      <c r="H72" s="356"/>
      <c r="I72" s="331"/>
      <c r="L72" s="377"/>
      <c r="N72" s="377"/>
    </row>
    <row r="73" spans="1:14" s="247" customFormat="1" ht="9.9499999999999993" customHeight="1">
      <c r="A73" s="248"/>
      <c r="B73" s="319"/>
      <c r="C73" s="241"/>
      <c r="D73" s="319"/>
      <c r="E73" s="289"/>
      <c r="F73" s="317"/>
      <c r="G73" s="359"/>
      <c r="H73" s="352"/>
      <c r="I73" s="328"/>
    </row>
    <row r="74" spans="1:14" s="247" customFormat="1" ht="9.9499999999999993" customHeight="1">
      <c r="A74" s="248"/>
      <c r="B74" s="319"/>
      <c r="C74" s="308"/>
      <c r="D74" s="319"/>
      <c r="E74" s="294"/>
      <c r="F74" s="320"/>
      <c r="G74" s="359"/>
      <c r="H74" s="363"/>
      <c r="I74" s="329"/>
    </row>
    <row r="75" spans="1:14" s="262" customFormat="1" ht="9.9499999999999993" customHeight="1">
      <c r="A75" s="255"/>
      <c r="B75" s="327"/>
      <c r="C75" s="313"/>
      <c r="D75" s="327"/>
      <c r="E75" s="297"/>
      <c r="F75" s="330"/>
      <c r="G75" s="360"/>
      <c r="H75" s="356"/>
      <c r="I75" s="331"/>
      <c r="L75" s="377"/>
      <c r="N75" s="377"/>
    </row>
    <row r="76" spans="1:14" s="247" customFormat="1" ht="9.9499999999999993" customHeight="1">
      <c r="A76" s="240"/>
      <c r="B76" s="241"/>
      <c r="C76" s="241"/>
      <c r="D76" s="241"/>
      <c r="E76" s="289"/>
      <c r="F76" s="290"/>
      <c r="G76" s="352"/>
      <c r="H76" s="352"/>
      <c r="I76" s="328"/>
    </row>
    <row r="77" spans="1:14" s="247" customFormat="1" ht="9.9499999999999993" customHeight="1">
      <c r="A77" s="248"/>
      <c r="B77" s="249"/>
      <c r="C77" s="249"/>
      <c r="D77" s="249"/>
      <c r="E77" s="294"/>
      <c r="F77" s="295"/>
      <c r="G77" s="354"/>
      <c r="H77" s="354"/>
      <c r="I77" s="329"/>
    </row>
    <row r="78" spans="1:14" s="262" customFormat="1" ht="9.9499999999999993" customHeight="1">
      <c r="A78" s="332"/>
      <c r="B78" s="333"/>
      <c r="C78" s="249"/>
      <c r="D78" s="333"/>
      <c r="E78" s="334"/>
      <c r="F78" s="335"/>
      <c r="G78" s="367"/>
      <c r="H78" s="368"/>
      <c r="I78" s="336"/>
      <c r="L78" s="377"/>
      <c r="N78" s="377"/>
    </row>
    <row r="79" spans="1:14" s="247" customFormat="1" ht="9.9499999999999993" customHeight="1">
      <c r="A79" s="270"/>
      <c r="B79" s="242"/>
      <c r="C79" s="242"/>
      <c r="D79" s="242"/>
      <c r="E79" s="243"/>
      <c r="F79" s="244"/>
      <c r="G79" s="340"/>
      <c r="H79" s="340"/>
      <c r="I79" s="246"/>
    </row>
    <row r="80" spans="1:14" s="247" customFormat="1" ht="9.9499999999999993" customHeight="1">
      <c r="A80" s="272"/>
      <c r="B80" s="250"/>
      <c r="C80" s="250"/>
      <c r="D80" s="250"/>
      <c r="E80" s="251"/>
      <c r="F80" s="252"/>
      <c r="G80" s="341"/>
      <c r="H80" s="341"/>
      <c r="I80" s="254"/>
    </row>
    <row r="81" spans="1:14" s="262" customFormat="1" ht="9.9499999999999993" customHeight="1">
      <c r="A81" s="279"/>
      <c r="B81" s="280"/>
      <c r="C81" s="337" t="s">
        <v>88</v>
      </c>
      <c r="D81" s="280"/>
      <c r="E81" s="281"/>
      <c r="F81" s="282"/>
      <c r="G81" s="350"/>
      <c r="H81" s="351"/>
      <c r="I81" s="338"/>
      <c r="L81" s="377"/>
      <c r="N81" s="377"/>
    </row>
  </sheetData>
  <mergeCells count="1">
    <mergeCell ref="A41:I41"/>
  </mergeCells>
  <phoneticPr fontId="54"/>
  <printOptions horizontalCentered="1" verticalCentered="1"/>
  <pageMargins left="0.70866141732283472" right="0.31496062992125984" top="0.74803149606299213" bottom="0.74803149606299213" header="0.31496062992125984" footer="0.31496062992125984"/>
  <pageSetup paperSize="9" scale="91" orientation="portrait" horizontalDpi="4294967294" verticalDpi="1200" r:id="rId1"/>
  <headerFooter>
    <oddHeader>&amp;C&amp;A</odd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4</vt:i4>
      </vt:variant>
    </vt:vector>
  </HeadingPairs>
  <TitlesOfParts>
    <vt:vector size="9" baseType="lpstr">
      <vt:lpstr>施工条件明示一覧表</vt:lpstr>
      <vt:lpstr>設計書表紙</vt:lpstr>
      <vt:lpstr>工事費内訳書</vt:lpstr>
      <vt:lpstr>内訳書</vt:lpstr>
      <vt:lpstr>明細書</vt:lpstr>
      <vt:lpstr>工事費内訳書!Print_Area</vt:lpstr>
      <vt:lpstr>設計書表紙!Print_Area</vt:lpstr>
      <vt:lpstr>内訳書!Print_Area</vt:lpstr>
      <vt:lpstr>明細書!Print_Area</vt:lpstr>
    </vt:vector>
  </TitlesOfParts>
  <LinksUpToDate>false</LinksUpToDate>
  <SharedDoc>false</SharedDoc>
  <HyperlinksChanged>false</HyperlinksChanged>
  <AppVersion>14.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17-09-05T11:41:33Z</cp:lastPrinted>
  <dcterms:created xsi:type="dcterms:W3CDTF">2014-03-20T05:03:09Z</dcterms:created>
  <dcterms:modified xsi:type="dcterms:W3CDTF">2017-09-05T12:24:41Z</dcterms:modified>
</cp:coreProperties>
</file>